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33544\Google Drive\eResearch\iCLIM\Portal Metadata\SOLR Indexing mapping\"/>
    </mc:Choice>
  </mc:AlternateContent>
  <bookViews>
    <workbookView xWindow="240" yWindow="30" windowWidth="20115" windowHeight="7485"/>
  </bookViews>
  <sheets>
    <sheet name="Summary" sheetId="5" r:id="rId1"/>
    <sheet name="Topics Mapping Documents" sheetId="1" r:id="rId2"/>
    <sheet name="Topics Mapping Projects" sheetId="2" r:id="rId3"/>
    <sheet name="Mat_type mapping Documents" sheetId="6" r:id="rId4"/>
    <sheet name="PCCP Topics Vocab" sheetId="4" r:id="rId5"/>
    <sheet name="Vanuatu Glossary" sheetId="3" r:id="rId6"/>
    <sheet name="New PCCP Material Types" sheetId="7" r:id="rId7"/>
  </sheets>
  <calcPr calcId="152511"/>
</workbook>
</file>

<file path=xl/sharedStrings.xml><?xml version="1.0" encoding="utf-8"?>
<sst xmlns="http://schemas.openxmlformats.org/spreadsheetml/2006/main" count="1219" uniqueCount="647">
  <si>
    <t>Agriculture</t>
  </si>
  <si>
    <t>Civil Society/NGOs</t>
  </si>
  <si>
    <t>Climate Change</t>
  </si>
  <si>
    <t>Coastal zone management</t>
  </si>
  <si>
    <t>Communications</t>
  </si>
  <si>
    <t>Community Awareness</t>
  </si>
  <si>
    <t>Community-based DRR</t>
  </si>
  <si>
    <t>Complex Emergency</t>
  </si>
  <si>
    <t>Culture</t>
  </si>
  <si>
    <t>Cyclone</t>
  </si>
  <si>
    <t>Disaster Response</t>
  </si>
  <si>
    <t>Disaster Risk Management</t>
  </si>
  <si>
    <t>Disaster Risk Reduction</t>
  </si>
  <si>
    <t>Drought</t>
  </si>
  <si>
    <t>Early Warning</t>
  </si>
  <si>
    <t>Earthquake</t>
  </si>
  <si>
    <t>Economic development</t>
  </si>
  <si>
    <t>Economics</t>
  </si>
  <si>
    <t>Education</t>
  </si>
  <si>
    <t>Energy efficiency</t>
  </si>
  <si>
    <t>Energy renewable</t>
  </si>
  <si>
    <t>Environment</t>
  </si>
  <si>
    <t>Epidemic</t>
  </si>
  <si>
    <t>Fire</t>
  </si>
  <si>
    <t>Fisheries</t>
  </si>
  <si>
    <t>Flood</t>
  </si>
  <si>
    <t>Food Security</t>
  </si>
  <si>
    <t>Forestry</t>
  </si>
  <si>
    <t>Gender</t>
  </si>
  <si>
    <t>GIS</t>
  </si>
  <si>
    <t>Governance</t>
  </si>
  <si>
    <t>Health</t>
  </si>
  <si>
    <t>Heat Wave</t>
  </si>
  <si>
    <t>Human rights</t>
  </si>
  <si>
    <t>ICT</t>
  </si>
  <si>
    <t>Infrastructure</t>
  </si>
  <si>
    <t>Insect Infestation</t>
  </si>
  <si>
    <t>Land Slide</t>
  </si>
  <si>
    <t>Livestock</t>
  </si>
  <si>
    <t>Marine Management</t>
  </si>
  <si>
    <t>Meteorology</t>
  </si>
  <si>
    <t>Natural resources</t>
  </si>
  <si>
    <t>Ocean and islands</t>
  </si>
  <si>
    <t>Private-public Partnerships</t>
  </si>
  <si>
    <t>Research</t>
  </si>
  <si>
    <t>Risk Identification &amp; Assessment</t>
  </si>
  <si>
    <t>Risk Transfer &amp; Insurance</t>
  </si>
  <si>
    <t>Sanitation</t>
  </si>
  <si>
    <t>Security</t>
  </si>
  <si>
    <t>Social development</t>
  </si>
  <si>
    <t>Social Impacts &amp; Resilience</t>
  </si>
  <si>
    <t>Space Technology</t>
  </si>
  <si>
    <t>Storm Surge</t>
  </si>
  <si>
    <t>Structural Safety</t>
  </si>
  <si>
    <t>Technological</t>
  </si>
  <si>
    <t>Tourism</t>
  </si>
  <si>
    <t>Transport</t>
  </si>
  <si>
    <t>Tsunami</t>
  </si>
  <si>
    <t>Urban Risk &amp; Planning</t>
  </si>
  <si>
    <t>Volcano</t>
  </si>
  <si>
    <t>Vulnerability Assessment</t>
  </si>
  <si>
    <t>Vulnerable Populations</t>
  </si>
  <si>
    <t>Water</t>
  </si>
  <si>
    <t>Youth</t>
  </si>
  <si>
    <t>sustainability</t>
  </si>
  <si>
    <t>statistics</t>
  </si>
  <si>
    <t>resilience</t>
  </si>
  <si>
    <t>planning</t>
  </si>
  <si>
    <t>monitoring</t>
  </si>
  <si>
    <t>mapping</t>
  </si>
  <si>
    <t>management</t>
  </si>
  <si>
    <t>mainstreaming</t>
  </si>
  <si>
    <t>infrastructure</t>
  </si>
  <si>
    <t>communication and awareness</t>
  </si>
  <si>
    <t>Description: These are terms that can be added to the end of any term in the Thesaurus</t>
  </si>
  <si>
    <t xml:space="preserve">Qualifiers </t>
  </si>
  <si>
    <t>Hydro-meteorological hazard</t>
  </si>
  <si>
    <t>Disaster risk</t>
  </si>
  <si>
    <t>Complex emergency</t>
  </si>
  <si>
    <t>Vulnerability</t>
  </si>
  <si>
    <t>Volcanic eruption</t>
  </si>
  <si>
    <t>Geological hazard</t>
  </si>
  <si>
    <t>Storm surge</t>
  </si>
  <si>
    <t>Storm</t>
  </si>
  <si>
    <t>Natural hazard</t>
  </si>
  <si>
    <t>Wildlife</t>
  </si>
  <si>
    <t>Technological hazard</t>
  </si>
  <si>
    <t>Soils</t>
  </si>
  <si>
    <t>Loss and damage</t>
  </si>
  <si>
    <t>Reefs</t>
  </si>
  <si>
    <t>Landslide</t>
  </si>
  <si>
    <t>Pollution</t>
  </si>
  <si>
    <t>Heatwave</t>
  </si>
  <si>
    <t>Oceans</t>
  </si>
  <si>
    <t>Hazard</t>
  </si>
  <si>
    <t>Natural resource management</t>
  </si>
  <si>
    <t>Sea level rise</t>
  </si>
  <si>
    <t>Vocational education</t>
  </si>
  <si>
    <t>Islands</t>
  </si>
  <si>
    <t>REDD</t>
  </si>
  <si>
    <t>Mitigation</t>
  </si>
  <si>
    <t>Tertiary education</t>
  </si>
  <si>
    <t>Women</t>
  </si>
  <si>
    <t>Land forms and cartography</t>
  </si>
  <si>
    <t>Pests</t>
  </si>
  <si>
    <t>Waste management</t>
  </si>
  <si>
    <t>Teachers and teaching</t>
  </si>
  <si>
    <t>Social services</t>
  </si>
  <si>
    <t>Inland waters</t>
  </si>
  <si>
    <t>Early warning system</t>
  </si>
  <si>
    <t>Impacts</t>
  </si>
  <si>
    <t>Working groups</t>
  </si>
  <si>
    <t>Secondary education</t>
  </si>
  <si>
    <t>Social conditions</t>
  </si>
  <si>
    <t>Urban settlements</t>
  </si>
  <si>
    <t>Habitat restoration</t>
  </si>
  <si>
    <t>Tides</t>
  </si>
  <si>
    <t>Greenhouse gases</t>
  </si>
  <si>
    <t>Renewable energy targets</t>
  </si>
  <si>
    <t>Regulation</t>
  </si>
  <si>
    <t>Trade</t>
  </si>
  <si>
    <t>Schools</t>
  </si>
  <si>
    <t>Traditional knowledge</t>
  </si>
  <si>
    <t>Poverty</t>
  </si>
  <si>
    <t>Public health</t>
  </si>
  <si>
    <t>Urban planning</t>
  </si>
  <si>
    <t>Ecology and ecosystems</t>
  </si>
  <si>
    <t>Food security</t>
  </si>
  <si>
    <t>Weather</t>
  </si>
  <si>
    <t>Disaster risk reduction</t>
  </si>
  <si>
    <t>Climate projections</t>
  </si>
  <si>
    <t>Water treatment</t>
  </si>
  <si>
    <t>Renewable energy</t>
  </si>
  <si>
    <t>Telecommunications</t>
  </si>
  <si>
    <t>Organisations</t>
  </si>
  <si>
    <t>Sustainable development</t>
  </si>
  <si>
    <t>Primary education</t>
  </si>
  <si>
    <t>Traditional ecological knowledge</t>
  </si>
  <si>
    <t>Nutrition</t>
  </si>
  <si>
    <t>Rural settlements</t>
  </si>
  <si>
    <t>Degradation</t>
  </si>
  <si>
    <t>Temperature</t>
  </si>
  <si>
    <t>Disaster response</t>
  </si>
  <si>
    <t>Climate models</t>
  </si>
  <si>
    <t>Water supply</t>
  </si>
  <si>
    <t>Low carbon energy</t>
  </si>
  <si>
    <t>Mining</t>
  </si>
  <si>
    <t>Knowledge  management</t>
  </si>
  <si>
    <t>Monitoring and evaluation</t>
  </si>
  <si>
    <t>Finance</t>
  </si>
  <si>
    <t>Preschool education</t>
  </si>
  <si>
    <t>Religion and belief systems</t>
  </si>
  <si>
    <t>Non-communicable diseases</t>
  </si>
  <si>
    <t>Regional planning</t>
  </si>
  <si>
    <t>Conservation</t>
  </si>
  <si>
    <t>Deforestation</t>
  </si>
  <si>
    <t>Rainfall</t>
  </si>
  <si>
    <t>Disaster relief</t>
  </si>
  <si>
    <t>Climate change science</t>
  </si>
  <si>
    <t>Water storage</t>
  </si>
  <si>
    <t>Manufacturing</t>
  </si>
  <si>
    <t>Information technology</t>
  </si>
  <si>
    <t>Law</t>
  </si>
  <si>
    <t>Working conditions</t>
  </si>
  <si>
    <t>Literacy</t>
  </si>
  <si>
    <t>Language</t>
  </si>
  <si>
    <t>Crime</t>
  </si>
  <si>
    <t>Population growth</t>
  </si>
  <si>
    <t>Mental health</t>
  </si>
  <si>
    <t>Land use</t>
  </si>
  <si>
    <t>Coastal zone</t>
  </si>
  <si>
    <t>Crops</t>
  </si>
  <si>
    <t>Disaster preparedness</t>
  </si>
  <si>
    <t>Carbon sequestration</t>
  </si>
  <si>
    <t>Water rights</t>
  </si>
  <si>
    <t>Emissions</t>
  </si>
  <si>
    <t>Insurance</t>
  </si>
  <si>
    <t>Geographical information systems</t>
  </si>
  <si>
    <t>International relations</t>
  </si>
  <si>
    <t>Climate negotations</t>
  </si>
  <si>
    <t>Wages</t>
  </si>
  <si>
    <t>Community education</t>
  </si>
  <si>
    <t>Ageing</t>
  </si>
  <si>
    <t>Migration</t>
  </si>
  <si>
    <t>Disease prevention and control</t>
  </si>
  <si>
    <t>Land tenure</t>
  </si>
  <si>
    <t>Biodiversity</t>
  </si>
  <si>
    <t>Aquaculture</t>
  </si>
  <si>
    <t>Climate</t>
  </si>
  <si>
    <t>Disaster management</t>
  </si>
  <si>
    <t xml:space="preserve">Carbon </t>
  </si>
  <si>
    <t>Water quality</t>
  </si>
  <si>
    <t>Emission reduction</t>
  </si>
  <si>
    <t>Technology Transfer</t>
  </si>
  <si>
    <t>Construction and Engineering</t>
  </si>
  <si>
    <t>Information management</t>
  </si>
  <si>
    <t>Conflict</t>
  </si>
  <si>
    <t>Policy</t>
  </si>
  <si>
    <t>Climate finance</t>
  </si>
  <si>
    <t>Unemployment</t>
  </si>
  <si>
    <t>Adult education</t>
  </si>
  <si>
    <t>Cultural heritage and preservation</t>
  </si>
  <si>
    <t>Civil society</t>
  </si>
  <si>
    <t>Demography</t>
  </si>
  <si>
    <t>Communicable diseases</t>
  </si>
  <si>
    <t>Housing</t>
  </si>
  <si>
    <t>Air quality</t>
  </si>
  <si>
    <t>Atmosphere</t>
  </si>
  <si>
    <t>Adaptation</t>
  </si>
  <si>
    <t>Second-level terms:</t>
  </si>
  <si>
    <t xml:space="preserve">Water </t>
  </si>
  <si>
    <t>Energy</t>
  </si>
  <si>
    <t>Technology</t>
  </si>
  <si>
    <t>Industry</t>
  </si>
  <si>
    <t>Information  Technology and Information Management</t>
  </si>
  <si>
    <t>Security and Conflict</t>
  </si>
  <si>
    <t xml:space="preserve"> Governance </t>
  </si>
  <si>
    <t>Economics and Finance</t>
  </si>
  <si>
    <t>Employment</t>
  </si>
  <si>
    <t>Education and Training</t>
  </si>
  <si>
    <t>Culture and Traditional Knowledge</t>
  </si>
  <si>
    <t>Social Development</t>
  </si>
  <si>
    <t>Population and Demographics</t>
  </si>
  <si>
    <t xml:space="preserve">Health </t>
  </si>
  <si>
    <t>Human Settlements</t>
  </si>
  <si>
    <t>Natural Resources and the Environment</t>
  </si>
  <si>
    <t>Agriculture, Forestry and Fishing</t>
  </si>
  <si>
    <t>Meteorology and Weather</t>
  </si>
  <si>
    <t>human rights</t>
  </si>
  <si>
    <t>sanitation</t>
  </si>
  <si>
    <t>health</t>
  </si>
  <si>
    <t>gender/youth</t>
  </si>
  <si>
    <t>education</t>
  </si>
  <si>
    <t>Education &amp; Training</t>
  </si>
  <si>
    <t>education and climate change</t>
  </si>
  <si>
    <t>security</t>
  </si>
  <si>
    <t>Security &amp; Conflict</t>
  </si>
  <si>
    <t>tourism</t>
  </si>
  <si>
    <t>culture</t>
  </si>
  <si>
    <t>Culture &amp; Traditional Knowledge</t>
  </si>
  <si>
    <t>agriculture and food security</t>
  </si>
  <si>
    <t>Agriculture, Forestry &amp; Fishing</t>
  </si>
  <si>
    <t>food security</t>
  </si>
  <si>
    <t>water</t>
  </si>
  <si>
    <t>fisheries</t>
  </si>
  <si>
    <t>forestry</t>
  </si>
  <si>
    <t>coastal zone management</t>
  </si>
  <si>
    <t>Natural Resources &amp; the Environment</t>
  </si>
  <si>
    <t>marine management</t>
  </si>
  <si>
    <t>Marine</t>
  </si>
  <si>
    <t>meteorology</t>
  </si>
  <si>
    <t>Meteorology &amp; Weather</t>
  </si>
  <si>
    <t xml:space="preserve">transport </t>
  </si>
  <si>
    <t>transport</t>
  </si>
  <si>
    <t>Economics &amp; Finance</t>
  </si>
  <si>
    <t>Information  Technology &amp; Information Management</t>
  </si>
  <si>
    <t>information technology</t>
  </si>
  <si>
    <t>energy efficiency</t>
  </si>
  <si>
    <t>energy renewable</t>
  </si>
  <si>
    <t>renewable energy</t>
  </si>
  <si>
    <t>Maps to Topics Vocab Level 1</t>
  </si>
  <si>
    <t>Maps to Topics Vocal Level 2</t>
  </si>
  <si>
    <t>Maps to Topics Vocab qualifiers</t>
  </si>
  <si>
    <t>Coastal Zone</t>
  </si>
  <si>
    <t>Disaster risk management</t>
  </si>
  <si>
    <t>complex emergency</t>
  </si>
  <si>
    <t>Culture and Traditional knowledge</t>
  </si>
  <si>
    <t>cyclone</t>
  </si>
  <si>
    <t>disaster response</t>
  </si>
  <si>
    <t>disaster risk reduction</t>
  </si>
  <si>
    <t>drought</t>
  </si>
  <si>
    <t>early warning system</t>
  </si>
  <si>
    <t>earthquake</t>
  </si>
  <si>
    <t>Economics and finance</t>
  </si>
  <si>
    <t>economic development</t>
  </si>
  <si>
    <t>economics</t>
  </si>
  <si>
    <t>public health</t>
  </si>
  <si>
    <t>fire</t>
  </si>
  <si>
    <t>flood</t>
  </si>
  <si>
    <t>gender</t>
  </si>
  <si>
    <t>Information Technology and Information Management</t>
  </si>
  <si>
    <t>Geographical Information Systems</t>
  </si>
  <si>
    <t>Human settlements</t>
  </si>
  <si>
    <t xml:space="preserve">disaster risk </t>
  </si>
  <si>
    <t>disaster risk</t>
  </si>
  <si>
    <t>Security and conflict</t>
  </si>
  <si>
    <t>storm surge</t>
  </si>
  <si>
    <t>tsunami</t>
  </si>
  <si>
    <t>volcanic eruption</t>
  </si>
  <si>
    <t xml:space="preserve">vulnerability </t>
  </si>
  <si>
    <t>youth</t>
  </si>
  <si>
    <t>Term</t>
  </si>
  <si>
    <t>Vanuatu: "Content/Topics" field_content_topics</t>
  </si>
  <si>
    <t>Fiji: no subject fields to map</t>
  </si>
  <si>
    <t>Fiji - no subject fields to map</t>
  </si>
  <si>
    <t>Tonga - no subject fields to map</t>
  </si>
  <si>
    <t>Vanuatu: "Theme" field_project_theme</t>
  </si>
  <si>
    <t>Tonga: "Project Sector"</t>
  </si>
  <si>
    <t>Natural resources and the environment</t>
  </si>
  <si>
    <t>PCCP:  "Sectors &amp; Themes"</t>
  </si>
  <si>
    <t>Source Portal</t>
  </si>
  <si>
    <t>Term Level 1</t>
  </si>
  <si>
    <t>Term Level 2</t>
  </si>
  <si>
    <t>Carbon cycle</t>
  </si>
  <si>
    <t>coral reefs</t>
  </si>
  <si>
    <t>crops</t>
  </si>
  <si>
    <t>earthquakes</t>
  </si>
  <si>
    <t>fauna</t>
  </si>
  <si>
    <t>ecosystem</t>
  </si>
  <si>
    <t xml:space="preserve">fish </t>
  </si>
  <si>
    <t>floods</t>
  </si>
  <si>
    <t>flora</t>
  </si>
  <si>
    <t>greenhouse gases</t>
  </si>
  <si>
    <t>landslides</t>
  </si>
  <si>
    <t>mammals</t>
  </si>
  <si>
    <t>mangroves</t>
  </si>
  <si>
    <t>other</t>
  </si>
  <si>
    <t>plant growth</t>
  </si>
  <si>
    <t>tides</t>
  </si>
  <si>
    <t>tsunamis</t>
  </si>
  <si>
    <t>volcanoes</t>
  </si>
  <si>
    <t>water cycle</t>
  </si>
  <si>
    <t>weather</t>
  </si>
  <si>
    <t>don't have list of these at present</t>
  </si>
  <si>
    <t>Vanuatu: "Sectors and Themes" field_sectors_and_themes</t>
  </si>
  <si>
    <t>biodiversity</t>
  </si>
  <si>
    <t>carbon</t>
  </si>
  <si>
    <t>climate</t>
  </si>
  <si>
    <t>reefs</t>
  </si>
  <si>
    <t>ecology and ecosystems</t>
  </si>
  <si>
    <t>landslide</t>
  </si>
  <si>
    <t>Abatement</t>
  </si>
  <si>
    <t>Acidification</t>
  </si>
  <si>
    <t>Ad hoc Working Group on further commitments for Annex I Parties under the Kyoto Protocol (AWG-KP)</t>
  </si>
  <si>
    <t>Ad hoc Working Group on Long-term Cooperative Action under the Convention (AWG-LCA)</t>
  </si>
  <si>
    <t>Adaptation Committee</t>
  </si>
  <si>
    <t>Adaptation Fund</t>
  </si>
  <si>
    <t>Adaptation mainstreaming</t>
  </si>
  <si>
    <t>Afforestation</t>
  </si>
  <si>
    <t>Alliance of Small Island States (AOSIS)</t>
  </si>
  <si>
    <t>Annex I countries/parties</t>
  </si>
  <si>
    <t>Annex II countries/parties</t>
  </si>
  <si>
    <t>Anthropogenic</t>
  </si>
  <si>
    <t>AOSIS</t>
  </si>
  <si>
    <t>AR4</t>
  </si>
  <si>
    <t>Article 4.2</t>
  </si>
  <si>
    <t>Atoll</t>
  </si>
  <si>
    <t>Bali Action Plan</t>
  </si>
  <si>
    <t>Bali Road Map</t>
  </si>
  <si>
    <t>Berlin Mandate</t>
  </si>
  <si>
    <t>Biofuel</t>
  </si>
  <si>
    <t>Biomass</t>
  </si>
  <si>
    <t>Brazilian Proposal</t>
  </si>
  <si>
    <t>Cancun Agreements</t>
  </si>
  <si>
    <t>Carbon</t>
  </si>
  <si>
    <t>Carbon balance</t>
  </si>
  <si>
    <t>Carbon budget</t>
  </si>
  <si>
    <t>Carbon credit</t>
  </si>
  <si>
    <t>Carbon dioxide (CO2)</t>
  </si>
  <si>
    <t>Carbon market</t>
  </si>
  <si>
    <t>Carbon sink</t>
  </si>
  <si>
    <t>Cartagena Group</t>
  </si>
  <si>
    <t>CDM</t>
  </si>
  <si>
    <t>Centre for Pacific Crops and Trees (CePACT)</t>
  </si>
  <si>
    <t>Certified Emission Reduction  (CER)</t>
  </si>
  <si>
    <t>CH4</t>
  </si>
  <si>
    <t>CHARM</t>
  </si>
  <si>
    <t>Clean Development Mechanism (CDM)</t>
  </si>
  <si>
    <t>Climate change</t>
  </si>
  <si>
    <t>Climate change scenarios</t>
  </si>
  <si>
    <t>Climate proofing</t>
  </si>
  <si>
    <t>Climate risk management</t>
  </si>
  <si>
    <t>Climate scenarios</t>
  </si>
  <si>
    <t>Climate system</t>
  </si>
  <si>
    <t>Climate variability</t>
  </si>
  <si>
    <t>Climate-ready crops</t>
  </si>
  <si>
    <t>Climate-sensitive diseases</t>
  </si>
  <si>
    <t>Climatology</t>
  </si>
  <si>
    <t>CO2</t>
  </si>
  <si>
    <t>Coalition for Rainforest Nations</t>
  </si>
  <si>
    <t>Coastal erosion</t>
  </si>
  <si>
    <t>Common Reporting Format</t>
  </si>
  <si>
    <t>Community-based [initiatives/action]</t>
  </si>
  <si>
    <t>Compliance Committee</t>
  </si>
  <si>
    <t>Comprehensive Hazard and Risk Management (CHARM)</t>
  </si>
  <si>
    <t>Conference of the Parties (COP)</t>
  </si>
  <si>
    <t>Conference of the Parties serving as the Meeting of the Parties to the Kyoto Protocol (CMP)</t>
  </si>
  <si>
    <t>Consultative Group of Experts on National Communications from non-Annex I Parties (CGE)</t>
  </si>
  <si>
    <t>COP</t>
  </si>
  <si>
    <t>Coping capacity</t>
  </si>
  <si>
    <t>Coral bleaching</t>
  </si>
  <si>
    <t>Designated National Authority (DNA)</t>
  </si>
  <si>
    <t>Disaster</t>
  </si>
  <si>
    <t>Disaster plan</t>
  </si>
  <si>
    <t>Disaster warning system</t>
  </si>
  <si>
    <t>Earth Summit</t>
  </si>
  <si>
    <t>Ecosystem</t>
  </si>
  <si>
    <t>Ecosystem services</t>
  </si>
  <si>
    <t>El Niño-Southern Oscillation (ENSO)</t>
  </si>
  <si>
    <t>Emergency</t>
  </si>
  <si>
    <t>Emergency plan</t>
  </si>
  <si>
    <t>Emergency response</t>
  </si>
  <si>
    <t>Emission</t>
  </si>
  <si>
    <t>Emission permit</t>
  </si>
  <si>
    <t>Emissions reduction unit (ERU)</t>
  </si>
  <si>
    <t>Emissions trading</t>
  </si>
  <si>
    <t>Energy efficient</t>
  </si>
  <si>
    <t>Energy intensity</t>
  </si>
  <si>
    <t>ENSO</t>
  </si>
  <si>
    <t>Environmental degradation</t>
  </si>
  <si>
    <t>Environmental impact assessment (EIA)</t>
  </si>
  <si>
    <t>Executive Board of the Clean Development Mechanism</t>
  </si>
  <si>
    <t>Expert Group on Technology Transfer (EGTT)</t>
  </si>
  <si>
    <t>Expert review teams</t>
  </si>
  <si>
    <t>Extreme weather event</t>
  </si>
  <si>
    <t>Feedback</t>
  </si>
  <si>
    <t>Financial mechanism</t>
  </si>
  <si>
    <t>Flash flood</t>
  </si>
  <si>
    <t>Forecasting</t>
  </si>
  <si>
    <t>Fourth Assessment Report (AR4)</t>
  </si>
  <si>
    <t>Fugitive emissions</t>
  </si>
  <si>
    <t>Geographic information system (GIS)</t>
  </si>
  <si>
    <t>GHG</t>
  </si>
  <si>
    <t>Global Climate Change Alliance: Pacific Small Island States project</t>
  </si>
  <si>
    <t>Global warming</t>
  </si>
  <si>
    <t>Global warming potential (GWP)</t>
  </si>
  <si>
    <t>Greenhouse effect</t>
  </si>
  <si>
    <t>Greenhouse gas (GHG)</t>
  </si>
  <si>
    <t>Group of 77 (G-77)</t>
  </si>
  <si>
    <t>Halocarbons</t>
  </si>
  <si>
    <t>Hazard mapping</t>
  </si>
  <si>
    <t>HFC</t>
  </si>
  <si>
    <t>Hurricane</t>
  </si>
  <si>
    <t>Hydrofluorocarbons</t>
  </si>
  <si>
    <t>Independent Assessment Report (IAR)</t>
  </si>
  <si>
    <t>Infrared radiation</t>
  </si>
  <si>
    <t>Intergovernmental Panel on Climate Change (IPCC)</t>
  </si>
  <si>
    <t>International consultation and analysis (ICA)</t>
  </si>
  <si>
    <t>International Strategy for Disaster Reduction (ISDR)</t>
  </si>
  <si>
    <t>Joint Implementation</t>
  </si>
  <si>
    <t>Joint Implementation Supervisory Committee (JISC)</t>
  </si>
  <si>
    <t>Joint national action plan (JNAP)</t>
  </si>
  <si>
    <t>JUSSCANNZ</t>
  </si>
  <si>
    <t>King tide</t>
  </si>
  <si>
    <t>Kyoto mechanisms</t>
  </si>
  <si>
    <t>Kyoto Protocol</t>
  </si>
  <si>
    <t>La Niña</t>
  </si>
  <si>
    <t>Land use, land-use change, and forestry (LULUCF)</t>
  </si>
  <si>
    <t>Least Developed Countries (LDCs)</t>
  </si>
  <si>
    <t>Least Developed Countries Expert Group (LEG)</t>
  </si>
  <si>
    <t>Measurement, reporting and verification (MRV)</t>
  </si>
  <si>
    <t>Methane (CH4)</t>
  </si>
  <si>
    <t>Monsoon</t>
  </si>
  <si>
    <t>N2O</t>
  </si>
  <si>
    <t>National adaptation programme of action (NAPA)</t>
  </si>
  <si>
    <t>National communication</t>
  </si>
  <si>
    <t>Nationally appropriate mitigation action (NAMA)</t>
  </si>
  <si>
    <t>Nitrous oxide (N2O)</t>
  </si>
  <si>
    <t>Non-Annex I countries/parties</t>
  </si>
  <si>
    <t>Ocean acidification</t>
  </si>
  <si>
    <t>Ozone depletion</t>
  </si>
  <si>
    <t>Payment for ecosystem services (PES)</t>
  </si>
  <si>
    <t>Perfluorocarbon (PFC)</t>
  </si>
  <si>
    <t>Permanence</t>
  </si>
  <si>
    <t>Precautionary principle</t>
  </si>
  <si>
    <t>Preparedness</t>
  </si>
  <si>
    <t>Quantified Emissions Limitation and Reduction Commitments (QELROs)</t>
  </si>
  <si>
    <t>Radiative damping</t>
  </si>
  <si>
    <t>Radiative forcing</t>
  </si>
  <si>
    <t>Reducing Emissions from Deforestation and Forest Degradation (REDD and REDD+)</t>
  </si>
  <si>
    <t>Reforestation</t>
  </si>
  <si>
    <t>Regional Specialized Meteorological Centre (RSMC)</t>
  </si>
  <si>
    <t>Removal unit (RMU)</t>
  </si>
  <si>
    <t>Research and systematic observation (UNFCCC)</t>
  </si>
  <si>
    <t>Reservoir</t>
  </si>
  <si>
    <t>Residual risk</t>
  </si>
  <si>
    <t>Resilience</t>
  </si>
  <si>
    <t>Review of commitments (UNFCCC)</t>
  </si>
  <si>
    <t>Rio Conventions</t>
  </si>
  <si>
    <t>Rio+20</t>
  </si>
  <si>
    <t>Risk</t>
  </si>
  <si>
    <t>Risk assessment</t>
  </si>
  <si>
    <t>Risk management</t>
  </si>
  <si>
    <t>Risk mapping</t>
  </si>
  <si>
    <t>Risk reduction</t>
  </si>
  <si>
    <t>Saffir–Simpson Scale</t>
  </si>
  <si>
    <t>Saltwater intrusion</t>
  </si>
  <si>
    <t>Seasonal forecasting</t>
  </si>
  <si>
    <t>Sequestration</t>
  </si>
  <si>
    <t>SF6</t>
  </si>
  <si>
    <t>SIDS</t>
  </si>
  <si>
    <t>Sink</t>
  </si>
  <si>
    <t>Small Island Developing States (SIDS)</t>
  </si>
  <si>
    <t>Special Climate Change Fund (SCCF)</t>
  </si>
  <si>
    <t>Subsidiary Body for Implementation (SBI)</t>
  </si>
  <si>
    <t>Subsidiary Body for Scientific and Technological Advice (SBSTA)</t>
  </si>
  <si>
    <t>Sulphur hexafluoride (SF6)</t>
  </si>
  <si>
    <t>test</t>
  </si>
  <si>
    <t>Thermal expansion</t>
  </si>
  <si>
    <t>Thermohaline circulation</t>
  </si>
  <si>
    <t>Trade winds</t>
  </si>
  <si>
    <t>Tropical cyclone</t>
  </si>
  <si>
    <t>Tropical storm</t>
  </si>
  <si>
    <t>Troposphere</t>
  </si>
  <si>
    <t>Typhoon</t>
  </si>
  <si>
    <t>UNCED</t>
  </si>
  <si>
    <t>UNFCCC</t>
  </si>
  <si>
    <t>Vulnerability assessment</t>
  </si>
  <si>
    <t>Vulnerability mapping</t>
  </si>
  <si>
    <t>Water catchment</t>
  </si>
  <si>
    <t>Watershed</t>
  </si>
  <si>
    <t>Weather forecasting</t>
  </si>
  <si>
    <t>Westerlies</t>
  </si>
  <si>
    <t>Wildfire</t>
  </si>
  <si>
    <t>World Climate Conference (WCC)</t>
  </si>
  <si>
    <t>‘No regrets’ [approach]</t>
  </si>
  <si>
    <t>‘Spill-over effects’ (also referred to as ‘rebound effects’ or ‘take-back effects’)</t>
  </si>
  <si>
    <t>Current PCCP - no subject fields to map</t>
  </si>
  <si>
    <t>Maps to: Topics Controlled Vocab Level 1</t>
  </si>
  <si>
    <t>Maps to: Topics Controlled Vocab Level 2</t>
  </si>
  <si>
    <t>Maps to:Topics Controlled Vocab qualifier</t>
  </si>
  <si>
    <t>Vanuatu</t>
  </si>
  <si>
    <t>Content/Topics</t>
  </si>
  <si>
    <t>field_content_topics</t>
  </si>
  <si>
    <t>Field name</t>
  </si>
  <si>
    <t>Projects/Documents database</t>
  </si>
  <si>
    <t>Documents</t>
  </si>
  <si>
    <t>Sectors &amp; Themes</t>
  </si>
  <si>
    <t>field_theme</t>
  </si>
  <si>
    <t>Tags</t>
  </si>
  <si>
    <t>Controlled vocab</t>
  </si>
  <si>
    <t>field_sectors_and_themes</t>
  </si>
  <si>
    <t>Map to:</t>
  </si>
  <si>
    <t>Tags/keywords</t>
  </si>
  <si>
    <t>Hazards</t>
  </si>
  <si>
    <t>Projects</t>
  </si>
  <si>
    <t>Regional Climate Change Terms</t>
  </si>
  <si>
    <t>field-project_glossary_terms</t>
  </si>
  <si>
    <t>Theme</t>
  </si>
  <si>
    <t>field_project_theme</t>
  </si>
  <si>
    <t>Field type</t>
  </si>
  <si>
    <t>Vanuatu "Hazards":  field_hazards</t>
  </si>
  <si>
    <t>Avalanche</t>
  </si>
  <si>
    <t>Cold Wave</t>
  </si>
  <si>
    <t>Tornado</t>
  </si>
  <si>
    <t>heatwave</t>
  </si>
  <si>
    <t>pests</t>
  </si>
  <si>
    <t>Agriculture, forestry and fishing</t>
  </si>
  <si>
    <t>technological hazard</t>
  </si>
  <si>
    <t>same list as Documents "Sectors and Themes"</t>
  </si>
  <si>
    <t>field_hazards</t>
  </si>
  <si>
    <t>Field Label</t>
  </si>
  <si>
    <t>Notes</t>
  </si>
  <si>
    <t>Fiji</t>
  </si>
  <si>
    <t>Tonga</t>
  </si>
  <si>
    <t>Project sector</t>
  </si>
  <si>
    <t>same glossary as Documents "field_theme"</t>
  </si>
  <si>
    <t>Destination SOLR field:</t>
  </si>
  <si>
    <t>Mapping required?</t>
  </si>
  <si>
    <t>yes</t>
  </si>
  <si>
    <t>NB this is a controlled vocab field, compared to the PCCP "tags" field which is a free text field</t>
  </si>
  <si>
    <t>brochure/phamplet/flyer</t>
  </si>
  <si>
    <t>powerpoint presentation</t>
  </si>
  <si>
    <t>poster</t>
  </si>
  <si>
    <t>newsletter</t>
  </si>
  <si>
    <t>factsheet</t>
  </si>
  <si>
    <t>text book</t>
  </si>
  <si>
    <t>website/blog/hyperlink</t>
  </si>
  <si>
    <t>research report/ scientific publication</t>
  </si>
  <si>
    <t>community profile/vulnerability assessment</t>
  </si>
  <si>
    <t>lessons learned</t>
  </si>
  <si>
    <t>project report/project summary</t>
  </si>
  <si>
    <t>project proposal/grant proposal/TORs</t>
  </si>
  <si>
    <t>policy/plan/strategy</t>
  </si>
  <si>
    <t>Audio</t>
  </si>
  <si>
    <t>Interview</t>
  </si>
  <si>
    <t>radioshow</t>
  </si>
  <si>
    <t>music</t>
  </si>
  <si>
    <t>video</t>
  </si>
  <si>
    <t>animation/claymation</t>
  </si>
  <si>
    <t>documentary- Vanuatu</t>
  </si>
  <si>
    <t>documentary- International</t>
  </si>
  <si>
    <t>music video</t>
  </si>
  <si>
    <t>interview (Video)</t>
  </si>
  <si>
    <t>TV show</t>
  </si>
  <si>
    <t>Material Type</t>
  </si>
  <si>
    <t>PCCP</t>
  </si>
  <si>
    <t>Forms</t>
  </si>
  <si>
    <t>Publications</t>
  </si>
  <si>
    <t>Reports</t>
  </si>
  <si>
    <t>Images</t>
  </si>
  <si>
    <t>Animation</t>
  </si>
  <si>
    <t>Article</t>
  </si>
  <si>
    <t>Book</t>
  </si>
  <si>
    <t>Brochure</t>
  </si>
  <si>
    <t>Digital Storage</t>
  </si>
  <si>
    <t>Directory</t>
  </si>
  <si>
    <t>Factsheet</t>
  </si>
  <si>
    <t>Game</t>
  </si>
  <si>
    <t>Graphic Material</t>
  </si>
  <si>
    <t>KIT</t>
  </si>
  <si>
    <t>Lessons Learned</t>
  </si>
  <si>
    <t>Map</t>
  </si>
  <si>
    <t>Policy/Plan/Strategy</t>
  </si>
  <si>
    <t>Poster</t>
  </si>
  <si>
    <t>Presentation</t>
  </si>
  <si>
    <t>Report</t>
  </si>
  <si>
    <t>Serial</t>
  </si>
  <si>
    <t>Thesis</t>
  </si>
  <si>
    <t>Visual</t>
  </si>
  <si>
    <t>Web</t>
  </si>
  <si>
    <t>written/Printed</t>
  </si>
  <si>
    <t>no material types at present; will be added during upgrade</t>
  </si>
  <si>
    <t>Article (Journal Article, Book Chapter)</t>
  </si>
  <si>
    <t>Audio (Music,  Radioshow)</t>
  </si>
  <si>
    <t>Book ( Text Book)</t>
  </si>
  <si>
    <t>Digital Storage (CD/DVDs, USBs etc)</t>
  </si>
  <si>
    <t>Directory (List)</t>
  </si>
  <si>
    <t>Graphic Material (Drawing, Diagram, Photo)</t>
  </si>
  <si>
    <t>KIT (Unit Materials, Collection, KIT PACK)</t>
  </si>
  <si>
    <t>Presentation (poster, powerpoint presentation)</t>
  </si>
  <si>
    <t>Report (Meeting Report, Project Report, Project Summary, Annual Report, Technical Report,  Research Report / Scientific Publication, Meeting Paper,  Project Proposal/Grant Proposal/TORs)</t>
  </si>
  <si>
    <r>
      <t xml:space="preserve">Serial (journal, Newsletter, journal title, </t>
    </r>
    <r>
      <rPr>
        <sz val="10"/>
        <color rgb="FFFF0000"/>
        <rFont val="Arial"/>
        <family val="2"/>
      </rPr>
      <t>journal article</t>
    </r>
    <r>
      <rPr>
        <sz val="10"/>
        <color theme="1"/>
        <rFont val="Arial"/>
        <family val="2"/>
      </rPr>
      <t>, Newspaper)</t>
    </r>
  </si>
  <si>
    <t>Visual ( Music Video,  TV Show,  Documentary, Microform)</t>
  </si>
  <si>
    <t>Web (Webpage,  Website/Blog/Hyperlink)</t>
  </si>
  <si>
    <t>Educational Resource</t>
  </si>
  <si>
    <t>Dataset</t>
  </si>
  <si>
    <t>Newsletter</t>
  </si>
  <si>
    <t>Graphic material</t>
  </si>
  <si>
    <t>field_document_type</t>
  </si>
  <si>
    <t>Document type</t>
  </si>
  <si>
    <t>Material type</t>
  </si>
  <si>
    <t>field_document_material_type</t>
  </si>
  <si>
    <t>Recommended PCCP Material Types after upgrade</t>
  </si>
  <si>
    <t>not yet finalised</t>
  </si>
  <si>
    <t>Free text</t>
  </si>
  <si>
    <t>see worksheet Topics Mapping Documents</t>
  </si>
  <si>
    <t>see worksheet Topics Mapping Projects</t>
  </si>
  <si>
    <t>see worksheet Mat_type mapping Documents</t>
  </si>
  <si>
    <t>Fiji (currently there are no documents in the Documents database)</t>
  </si>
  <si>
    <t xml:space="preserve">Vanuatu glossary (Used in Documents database: "Tags" field_theme; and in Projects database: "Regional Climate Change Terms " field_project_glossary_terms) </t>
  </si>
  <si>
    <t>Resource type</t>
  </si>
  <si>
    <t>no - already using standardised list that will be used in upgraded PCCP</t>
  </si>
  <si>
    <t>no*</t>
  </si>
  <si>
    <t>*controlled glossary of 208  keywords;  it would be easiest just to feed these into a free text tags/keywords field but they could be mapped to the PCCP glossary if necessary?</t>
  </si>
  <si>
    <t>Tonga's current list is to be updated by Roderick</t>
  </si>
  <si>
    <t>Topic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7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rgb="FF403E3C"/>
      <name val="Arial"/>
      <family val="2"/>
    </font>
    <font>
      <sz val="10"/>
      <color theme="1"/>
      <name val="Calibri"/>
      <family val="2"/>
      <scheme val="minor"/>
    </font>
    <font>
      <sz val="10"/>
      <color rgb="FF000000"/>
      <name val="Calibri"/>
      <family val="2"/>
      <scheme val="minor"/>
    </font>
    <font>
      <sz val="10"/>
      <name val="Calibri"/>
      <family val="2"/>
      <scheme val="minor"/>
    </font>
    <font>
      <i/>
      <sz val="11"/>
      <color rgb="FF000000"/>
      <name val="Calibri"/>
      <family val="2"/>
      <scheme val="minor"/>
    </font>
    <font>
      <b/>
      <sz val="11"/>
      <color rgb="FF000000"/>
      <name val="Calibri"/>
      <family val="2"/>
      <scheme val="minor"/>
    </font>
    <font>
      <b/>
      <sz val="11"/>
      <name val="Calibri"/>
      <family val="2"/>
      <scheme val="minor"/>
    </font>
    <font>
      <sz val="11"/>
      <color rgb="FF000000"/>
      <name val="Calibri"/>
      <family val="2"/>
      <scheme val="minor"/>
    </font>
    <font>
      <sz val="11"/>
      <name val="Calibri"/>
      <family val="2"/>
      <scheme val="minor"/>
    </font>
    <font>
      <i/>
      <sz val="11"/>
      <color theme="1"/>
      <name val="Calibri"/>
      <family val="2"/>
      <scheme val="minor"/>
    </font>
    <font>
      <sz val="10"/>
      <color rgb="FF000000"/>
      <name val="Arial"/>
      <family val="2"/>
    </font>
    <font>
      <sz val="10"/>
      <color theme="1"/>
      <name val="Arial"/>
      <family val="2"/>
    </font>
    <font>
      <sz val="10"/>
      <color rgb="FFFF0000"/>
      <name val="Arial"/>
      <family val="2"/>
    </font>
    <font>
      <b/>
      <sz val="10"/>
      <color rgb="FF00B050"/>
      <name val="Arial"/>
      <family val="2"/>
    </font>
    <font>
      <u/>
      <sz val="11"/>
      <color theme="10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2">
    <xf numFmtId="0" fontId="0" fillId="0" borderId="0"/>
    <xf numFmtId="0" fontId="16" fillId="0" borderId="0" applyNumberFormat="0" applyFill="0" applyBorder="0" applyAlignment="0" applyProtection="0"/>
  </cellStyleXfs>
  <cellXfs count="86">
    <xf numFmtId="0" fontId="0" fillId="0" borderId="0" xfId="0"/>
    <xf numFmtId="0" fontId="0" fillId="0" borderId="0" xfId="0" applyBorder="1"/>
    <xf numFmtId="0" fontId="0" fillId="0" borderId="0" xfId="0" applyFill="1"/>
    <xf numFmtId="0" fontId="0" fillId="0" borderId="0" xfId="0" applyAlignment="1">
      <alignment wrapText="1"/>
    </xf>
    <xf numFmtId="0" fontId="0" fillId="0" borderId="0" xfId="0" applyFill="1" applyAlignment="1">
      <alignment wrapText="1"/>
    </xf>
    <xf numFmtId="0" fontId="0" fillId="0" borderId="0" xfId="0" applyFill="1" applyBorder="1"/>
    <xf numFmtId="0" fontId="0" fillId="0" borderId="1" xfId="0" applyFill="1" applyBorder="1"/>
    <xf numFmtId="0" fontId="2" fillId="0" borderId="0" xfId="0" applyFont="1" applyFill="1"/>
    <xf numFmtId="0" fontId="0" fillId="0" borderId="0" xfId="0" applyFill="1" applyBorder="1" applyAlignment="1">
      <alignment wrapText="1"/>
    </xf>
    <xf numFmtId="0" fontId="0" fillId="0" borderId="1" xfId="0" applyFill="1" applyBorder="1" applyAlignment="1">
      <alignment wrapText="1"/>
    </xf>
    <xf numFmtId="0" fontId="1" fillId="0" borderId="1" xfId="0" applyFont="1" applyFill="1" applyBorder="1" applyAlignment="1">
      <alignment wrapText="1"/>
    </xf>
    <xf numFmtId="0" fontId="3" fillId="0" borderId="0" xfId="0" applyFont="1" applyFill="1" applyBorder="1" applyAlignment="1">
      <alignment wrapText="1"/>
    </xf>
    <xf numFmtId="0" fontId="3" fillId="0" borderId="1" xfId="0" applyFont="1" applyFill="1" applyBorder="1" applyAlignment="1">
      <alignment wrapText="1"/>
    </xf>
    <xf numFmtId="0" fontId="0" fillId="0" borderId="2" xfId="0" applyFill="1" applyBorder="1"/>
    <xf numFmtId="0" fontId="0" fillId="0" borderId="2" xfId="0" applyFill="1" applyBorder="1" applyAlignment="1">
      <alignment wrapText="1"/>
    </xf>
    <xf numFmtId="0" fontId="3" fillId="0" borderId="2" xfId="0" applyFont="1" applyFill="1" applyBorder="1" applyAlignment="1">
      <alignment wrapText="1"/>
    </xf>
    <xf numFmtId="0" fontId="0" fillId="0" borderId="3" xfId="0" applyFill="1" applyBorder="1"/>
    <xf numFmtId="0" fontId="0" fillId="0" borderId="4" xfId="0" applyFill="1" applyBorder="1"/>
    <xf numFmtId="0" fontId="3" fillId="0" borderId="1" xfId="0" applyFont="1" applyFill="1" applyBorder="1" applyAlignment="1">
      <alignment horizontal="left" wrapText="1"/>
    </xf>
    <xf numFmtId="0" fontId="0" fillId="0" borderId="1" xfId="0" applyFill="1" applyBorder="1" applyAlignment="1">
      <alignment horizontal="left"/>
    </xf>
    <xf numFmtId="0" fontId="0" fillId="0" borderId="0" xfId="0" applyBorder="1" applyAlignment="1">
      <alignment wrapText="1"/>
    </xf>
    <xf numFmtId="0" fontId="4" fillId="0" borderId="1" xfId="0" applyFont="1" applyFill="1" applyBorder="1" applyAlignment="1">
      <alignment horizontal="left" wrapText="1"/>
    </xf>
    <xf numFmtId="0" fontId="0" fillId="0" borderId="1" xfId="0" applyFill="1" applyBorder="1" applyAlignment="1">
      <alignment horizontal="left" wrapText="1"/>
    </xf>
    <xf numFmtId="0" fontId="0" fillId="0" borderId="4" xfId="0" applyFill="1" applyBorder="1" applyAlignment="1">
      <alignment wrapText="1"/>
    </xf>
    <xf numFmtId="0" fontId="3" fillId="0" borderId="1" xfId="0" applyFont="1" applyFill="1" applyBorder="1" applyAlignment="1">
      <alignment horizontal="left"/>
    </xf>
    <xf numFmtId="0" fontId="0" fillId="0" borderId="1" xfId="0" applyBorder="1" applyAlignment="1">
      <alignment horizontal="left" wrapText="1"/>
    </xf>
    <xf numFmtId="0" fontId="0" fillId="0" borderId="0" xfId="0" applyBorder="1" applyAlignment="1">
      <alignment horizontal="left" wrapText="1"/>
    </xf>
    <xf numFmtId="49" fontId="0" fillId="0" borderId="1" xfId="0" applyNumberFormat="1" applyFill="1" applyBorder="1" applyAlignment="1">
      <alignment horizontal="left" wrapText="1"/>
    </xf>
    <xf numFmtId="0" fontId="0" fillId="0" borderId="4" xfId="0" applyFill="1" applyBorder="1" applyAlignment="1">
      <alignment horizontal="left" wrapText="1"/>
    </xf>
    <xf numFmtId="49" fontId="0" fillId="0" borderId="1" xfId="0" applyNumberFormat="1" applyBorder="1" applyAlignment="1">
      <alignment horizontal="left" wrapText="1"/>
    </xf>
    <xf numFmtId="49" fontId="0" fillId="0" borderId="0" xfId="0" applyNumberFormat="1" applyBorder="1" applyAlignment="1">
      <alignment horizontal="left" wrapText="1"/>
    </xf>
    <xf numFmtId="0" fontId="3" fillId="0" borderId="0" xfId="0" applyFont="1" applyFill="1" applyAlignment="1">
      <alignment horizontal="left"/>
    </xf>
    <xf numFmtId="0" fontId="0" fillId="0" borderId="1" xfId="0" applyBorder="1" applyAlignment="1">
      <alignment horizontal="left"/>
    </xf>
    <xf numFmtId="0" fontId="0" fillId="0" borderId="0" xfId="0" applyBorder="1" applyAlignment="1">
      <alignment horizontal="left"/>
    </xf>
    <xf numFmtId="0" fontId="3" fillId="0" borderId="2" xfId="0" applyFont="1" applyFill="1" applyBorder="1" applyAlignment="1">
      <alignment horizontal="left" wrapText="1"/>
    </xf>
    <xf numFmtId="0" fontId="4" fillId="0" borderId="2" xfId="0" applyFont="1" applyFill="1" applyBorder="1" applyAlignment="1">
      <alignment horizontal="left" wrapText="1"/>
    </xf>
    <xf numFmtId="0" fontId="3" fillId="0" borderId="2" xfId="0" applyFont="1" applyFill="1" applyBorder="1" applyAlignment="1">
      <alignment horizontal="left"/>
    </xf>
    <xf numFmtId="49" fontId="0" fillId="0" borderId="4" xfId="0" applyNumberFormat="1" applyFill="1" applyBorder="1" applyAlignment="1">
      <alignment horizontal="left" wrapText="1"/>
    </xf>
    <xf numFmtId="0" fontId="4" fillId="0" borderId="5" xfId="0" applyFont="1" applyFill="1" applyBorder="1" applyAlignment="1">
      <alignment horizontal="left" wrapText="1"/>
    </xf>
    <xf numFmtId="0" fontId="3" fillId="0" borderId="0" xfId="0" applyFont="1" applyAlignment="1">
      <alignment horizontal="left"/>
    </xf>
    <xf numFmtId="0" fontId="3" fillId="0" borderId="0" xfId="0" applyFont="1" applyBorder="1" applyAlignment="1">
      <alignment horizontal="left"/>
    </xf>
    <xf numFmtId="0" fontId="4" fillId="0" borderId="3" xfId="0" applyFont="1" applyFill="1" applyBorder="1" applyAlignment="1">
      <alignment horizontal="left" wrapText="1"/>
    </xf>
    <xf numFmtId="0" fontId="0" fillId="0" borderId="2" xfId="0" applyFill="1" applyBorder="1" applyAlignment="1">
      <alignment horizontal="left"/>
    </xf>
    <xf numFmtId="0" fontId="4" fillId="0" borderId="4" xfId="0" applyFont="1" applyFill="1" applyBorder="1" applyAlignment="1">
      <alignment horizontal="left" wrapText="1"/>
    </xf>
    <xf numFmtId="0" fontId="4" fillId="0" borderId="6" xfId="0" applyFont="1" applyFill="1" applyBorder="1" applyAlignment="1">
      <alignment horizontal="left" wrapText="1"/>
    </xf>
    <xf numFmtId="0" fontId="5" fillId="0" borderId="1" xfId="0" applyFont="1" applyFill="1" applyBorder="1" applyAlignment="1">
      <alignment horizontal="left" wrapText="1"/>
    </xf>
    <xf numFmtId="0" fontId="4" fillId="0" borderId="1" xfId="0" quotePrefix="1" applyFont="1" applyFill="1" applyBorder="1" applyAlignment="1">
      <alignment horizontal="left" wrapText="1"/>
    </xf>
    <xf numFmtId="0" fontId="3" fillId="0" borderId="4" xfId="0" applyFont="1" applyFill="1" applyBorder="1" applyAlignment="1">
      <alignment horizontal="left"/>
    </xf>
    <xf numFmtId="0" fontId="3" fillId="0" borderId="0" xfId="0" applyFont="1" applyFill="1" applyAlignment="1">
      <alignment horizontal="left" wrapText="1"/>
    </xf>
    <xf numFmtId="0" fontId="0" fillId="0" borderId="0" xfId="0" applyAlignment="1">
      <alignment horizontal="left"/>
    </xf>
    <xf numFmtId="0" fontId="6" fillId="0" borderId="1" xfId="0" applyFont="1" applyFill="1" applyBorder="1" applyAlignment="1">
      <alignment horizontal="left" wrapText="1"/>
    </xf>
    <xf numFmtId="0" fontId="6" fillId="0" borderId="4" xfId="0" applyFont="1" applyFill="1" applyBorder="1" applyAlignment="1">
      <alignment horizontal="left" wrapText="1"/>
    </xf>
    <xf numFmtId="49" fontId="1" fillId="0" borderId="0" xfId="0" applyNumberFormat="1" applyFont="1"/>
    <xf numFmtId="49" fontId="1" fillId="0" borderId="0" xfId="0" applyNumberFormat="1" applyFont="1" applyBorder="1"/>
    <xf numFmtId="49" fontId="7" fillId="0" borderId="1" xfId="0" applyNumberFormat="1" applyFont="1" applyFill="1" applyBorder="1" applyAlignment="1">
      <alignment vertical="center" wrapText="1"/>
    </xf>
    <xf numFmtId="49" fontId="1" fillId="0" borderId="1" xfId="0" applyNumberFormat="1" applyFont="1" applyFill="1" applyBorder="1" applyAlignment="1">
      <alignment vertical="center" wrapText="1"/>
    </xf>
    <xf numFmtId="49" fontId="8" fillId="0" borderId="1" xfId="0" applyNumberFormat="1" applyFont="1" applyFill="1" applyBorder="1" applyAlignment="1">
      <alignment vertical="center" wrapText="1"/>
    </xf>
    <xf numFmtId="0" fontId="1" fillId="0" borderId="0" xfId="0" applyFont="1"/>
    <xf numFmtId="49" fontId="9" fillId="0" borderId="0" xfId="0" applyNumberFormat="1" applyFont="1" applyBorder="1" applyAlignment="1">
      <alignment vertical="center" wrapText="1"/>
    </xf>
    <xf numFmtId="0" fontId="0" fillId="0" borderId="0" xfId="0" applyFont="1" applyBorder="1"/>
    <xf numFmtId="49" fontId="10" fillId="0" borderId="0" xfId="0" applyNumberFormat="1" applyFont="1" applyBorder="1" applyAlignment="1">
      <alignment vertical="center" wrapText="1"/>
    </xf>
    <xf numFmtId="0" fontId="0" fillId="0" borderId="0" xfId="0" applyAlignment="1"/>
    <xf numFmtId="49" fontId="9" fillId="0" borderId="0" xfId="0" applyNumberFormat="1" applyFont="1" applyFill="1" applyBorder="1" applyAlignment="1">
      <alignment wrapText="1"/>
    </xf>
    <xf numFmtId="0" fontId="9" fillId="0" borderId="0" xfId="0" applyFont="1" applyFill="1" applyBorder="1" applyAlignment="1">
      <alignment horizontal="left" wrapText="1"/>
    </xf>
    <xf numFmtId="0" fontId="0" fillId="0" borderId="0" xfId="0" applyFont="1" applyBorder="1" applyAlignment="1"/>
    <xf numFmtId="49" fontId="9" fillId="0" borderId="0" xfId="0" applyNumberFormat="1" applyFont="1" applyFill="1" applyBorder="1" applyAlignment="1">
      <alignment vertical="center" wrapText="1"/>
    </xf>
    <xf numFmtId="0" fontId="0" fillId="0" borderId="0" xfId="0" applyFont="1" applyFill="1" applyBorder="1"/>
    <xf numFmtId="49" fontId="0" fillId="0" borderId="0" xfId="0" applyNumberFormat="1" applyFont="1" applyBorder="1" applyAlignment="1">
      <alignment vertical="center" wrapText="1"/>
    </xf>
    <xf numFmtId="0" fontId="1" fillId="0" borderId="0" xfId="0" applyFont="1" applyAlignment="1">
      <alignment wrapText="1"/>
    </xf>
    <xf numFmtId="0" fontId="11" fillId="0" borderId="0" xfId="0" applyFont="1"/>
    <xf numFmtId="0" fontId="0" fillId="0" borderId="0" xfId="0" applyFont="1" applyAlignment="1">
      <alignment wrapText="1"/>
    </xf>
    <xf numFmtId="0" fontId="12" fillId="0" borderId="0" xfId="0" applyFont="1" applyAlignment="1">
      <alignment vertical="top" wrapText="1"/>
    </xf>
    <xf numFmtId="0" fontId="13" fillId="0" borderId="0" xfId="0" applyFont="1" applyAlignment="1">
      <alignment vertical="top" wrapText="1"/>
    </xf>
    <xf numFmtId="0" fontId="15" fillId="0" borderId="0" xfId="0" applyFont="1" applyAlignment="1">
      <alignment vertical="top" wrapText="1"/>
    </xf>
    <xf numFmtId="0" fontId="1" fillId="0" borderId="1" xfId="0" applyFont="1" applyBorder="1"/>
    <xf numFmtId="0" fontId="0" fillId="2" borderId="1" xfId="0" applyFill="1" applyBorder="1"/>
    <xf numFmtId="0" fontId="0" fillId="2" borderId="1" xfId="0" applyFill="1" applyBorder="1" applyAlignment="1">
      <alignment wrapText="1"/>
    </xf>
    <xf numFmtId="0" fontId="0" fillId="3" borderId="1" xfId="0" applyFill="1" applyBorder="1"/>
    <xf numFmtId="0" fontId="0" fillId="4" borderId="1" xfId="0" applyFill="1" applyBorder="1"/>
    <xf numFmtId="0" fontId="1" fillId="0" borderId="1" xfId="0" applyFont="1" applyBorder="1" applyAlignment="1">
      <alignment wrapText="1"/>
    </xf>
    <xf numFmtId="0" fontId="16" fillId="2" borderId="1" xfId="1" applyFill="1" applyBorder="1" applyAlignment="1">
      <alignment wrapText="1"/>
    </xf>
    <xf numFmtId="0" fontId="0" fillId="3" borderId="1" xfId="0" applyFill="1" applyBorder="1" applyAlignment="1">
      <alignment wrapText="1"/>
    </xf>
    <xf numFmtId="0" fontId="1" fillId="0" borderId="7" xfId="0" applyFont="1" applyBorder="1" applyAlignment="1">
      <alignment wrapText="1"/>
    </xf>
    <xf numFmtId="0" fontId="1" fillId="0" borderId="7" xfId="0" applyFont="1" applyBorder="1"/>
    <xf numFmtId="0" fontId="16" fillId="3" borderId="1" xfId="1" applyFill="1" applyBorder="1" applyAlignment="1">
      <alignment wrapText="1"/>
    </xf>
    <xf numFmtId="0" fontId="11" fillId="0" borderId="0" xfId="0" applyFont="1" applyAlignment="1">
      <alignment wrapText="1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0"/>
  <sheetViews>
    <sheetView tabSelected="1" workbookViewId="0">
      <selection activeCell="H10" sqref="H10"/>
    </sheetView>
  </sheetViews>
  <sheetFormatPr defaultRowHeight="15" x14ac:dyDescent="0.25"/>
  <cols>
    <col min="1" max="1" width="13.5703125" customWidth="1"/>
    <col min="2" max="2" width="31.85546875" customWidth="1"/>
    <col min="3" max="3" width="29.5703125" customWidth="1"/>
    <col min="4" max="4" width="33" customWidth="1"/>
    <col min="5" max="5" width="19.140625" customWidth="1"/>
    <col min="6" max="7" width="24" customWidth="1"/>
    <col min="8" max="8" width="51.42578125" style="3" customWidth="1"/>
  </cols>
  <sheetData>
    <row r="1" spans="1:8" s="57" customFormat="1" x14ac:dyDescent="0.25">
      <c r="A1" s="74" t="s">
        <v>300</v>
      </c>
      <c r="B1" s="74" t="s">
        <v>525</v>
      </c>
      <c r="C1" s="74" t="s">
        <v>551</v>
      </c>
      <c r="D1" s="74" t="s">
        <v>524</v>
      </c>
      <c r="E1" s="74" t="s">
        <v>540</v>
      </c>
      <c r="F1" s="74" t="s">
        <v>557</v>
      </c>
      <c r="G1" s="74" t="s">
        <v>558</v>
      </c>
      <c r="H1" s="79" t="s">
        <v>552</v>
      </c>
    </row>
    <row r="2" spans="1:8" x14ac:dyDescent="0.25">
      <c r="A2" s="75" t="s">
        <v>521</v>
      </c>
      <c r="B2" s="75" t="s">
        <v>526</v>
      </c>
      <c r="C2" s="75" t="s">
        <v>522</v>
      </c>
      <c r="D2" s="75" t="s">
        <v>523</v>
      </c>
      <c r="E2" s="75" t="s">
        <v>530</v>
      </c>
      <c r="F2" s="75" t="s">
        <v>646</v>
      </c>
      <c r="G2" s="75" t="s">
        <v>559</v>
      </c>
      <c r="H2" s="80" t="s">
        <v>636</v>
      </c>
    </row>
    <row r="3" spans="1:8" x14ac:dyDescent="0.25">
      <c r="A3" s="75"/>
      <c r="B3" s="75" t="s">
        <v>526</v>
      </c>
      <c r="C3" s="75" t="s">
        <v>527</v>
      </c>
      <c r="D3" s="75" t="s">
        <v>531</v>
      </c>
      <c r="E3" s="75" t="s">
        <v>530</v>
      </c>
      <c r="F3" s="75" t="s">
        <v>646</v>
      </c>
      <c r="G3" s="75" t="s">
        <v>559</v>
      </c>
      <c r="H3" s="80" t="s">
        <v>636</v>
      </c>
    </row>
    <row r="4" spans="1:8" ht="60" x14ac:dyDescent="0.25">
      <c r="A4" s="75"/>
      <c r="B4" s="75" t="s">
        <v>526</v>
      </c>
      <c r="C4" s="75" t="s">
        <v>529</v>
      </c>
      <c r="D4" s="75" t="s">
        <v>528</v>
      </c>
      <c r="E4" s="75" t="s">
        <v>530</v>
      </c>
      <c r="F4" s="75" t="s">
        <v>533</v>
      </c>
      <c r="G4" s="75" t="s">
        <v>643</v>
      </c>
      <c r="H4" s="80" t="s">
        <v>644</v>
      </c>
    </row>
    <row r="5" spans="1:8" x14ac:dyDescent="0.25">
      <c r="A5" s="75"/>
      <c r="B5" s="75" t="s">
        <v>526</v>
      </c>
      <c r="C5" s="75" t="s">
        <v>630</v>
      </c>
      <c r="D5" s="75" t="s">
        <v>629</v>
      </c>
      <c r="E5" s="75" t="s">
        <v>530</v>
      </c>
      <c r="F5" s="75" t="s">
        <v>641</v>
      </c>
      <c r="G5" s="75" t="s">
        <v>559</v>
      </c>
      <c r="H5" s="80" t="s">
        <v>638</v>
      </c>
    </row>
    <row r="6" spans="1:8" x14ac:dyDescent="0.25">
      <c r="A6" s="75"/>
      <c r="B6" s="75" t="s">
        <v>535</v>
      </c>
      <c r="C6" s="75" t="s">
        <v>534</v>
      </c>
      <c r="D6" s="75" t="s">
        <v>550</v>
      </c>
      <c r="E6" s="75" t="s">
        <v>530</v>
      </c>
      <c r="F6" s="75" t="s">
        <v>646</v>
      </c>
      <c r="G6" s="75" t="s">
        <v>559</v>
      </c>
      <c r="H6" s="80" t="s">
        <v>637</v>
      </c>
    </row>
    <row r="7" spans="1:8" x14ac:dyDescent="0.25">
      <c r="A7" s="75"/>
      <c r="B7" s="75" t="s">
        <v>535</v>
      </c>
      <c r="C7" s="75" t="s">
        <v>538</v>
      </c>
      <c r="D7" s="75" t="s">
        <v>539</v>
      </c>
      <c r="E7" s="75" t="s">
        <v>530</v>
      </c>
      <c r="F7" s="75" t="s">
        <v>646</v>
      </c>
      <c r="G7" s="75" t="s">
        <v>559</v>
      </c>
      <c r="H7" s="76" t="s">
        <v>549</v>
      </c>
    </row>
    <row r="8" spans="1:8" x14ac:dyDescent="0.25">
      <c r="A8" s="75"/>
      <c r="B8" s="75" t="s">
        <v>535</v>
      </c>
      <c r="C8" s="75" t="s">
        <v>536</v>
      </c>
      <c r="D8" s="75" t="s">
        <v>537</v>
      </c>
      <c r="E8" s="75" t="s">
        <v>530</v>
      </c>
      <c r="F8" s="75" t="s">
        <v>533</v>
      </c>
      <c r="G8" s="75" t="s">
        <v>643</v>
      </c>
      <c r="H8" s="80" t="s">
        <v>556</v>
      </c>
    </row>
    <row r="9" spans="1:8" ht="60" x14ac:dyDescent="0.25">
      <c r="A9" s="77" t="s">
        <v>553</v>
      </c>
      <c r="B9" s="77" t="s">
        <v>526</v>
      </c>
      <c r="C9" s="77" t="s">
        <v>631</v>
      </c>
      <c r="D9" s="77" t="s">
        <v>632</v>
      </c>
      <c r="E9" s="77" t="s">
        <v>530</v>
      </c>
      <c r="F9" s="77" t="s">
        <v>641</v>
      </c>
      <c r="G9" s="81" t="s">
        <v>642</v>
      </c>
      <c r="H9" s="84" t="s">
        <v>638</v>
      </c>
    </row>
    <row r="10" spans="1:8" x14ac:dyDescent="0.25">
      <c r="A10" s="78" t="s">
        <v>554</v>
      </c>
      <c r="B10" s="78" t="s">
        <v>535</v>
      </c>
      <c r="C10" s="78" t="s">
        <v>555</v>
      </c>
      <c r="D10" s="78"/>
      <c r="E10" s="78" t="s">
        <v>635</v>
      </c>
      <c r="F10" s="78" t="s">
        <v>646</v>
      </c>
      <c r="G10" s="78" t="s">
        <v>559</v>
      </c>
      <c r="H10" s="80" t="s">
        <v>637</v>
      </c>
    </row>
  </sheetData>
  <hyperlinks>
    <hyperlink ref="H2" location="'Topics Mapping Documents'!A1" display="see worksheet Topics Mapping Documents"/>
    <hyperlink ref="H3" location="'Topics Mapping Documents'!A1" display="see worksheet Topics Mapping Documents"/>
    <hyperlink ref="H5" location="'Mat_type mapping Documents'!A1" display="see worksheet Mat_type mapping Documents"/>
    <hyperlink ref="H6" location="'Topics Mapping Projects'!A1" display="see worksheet Topics Mapping Projects"/>
    <hyperlink ref="H8" location="'Topics Mapping Projects'!A1" display="same glossary as Documents &quot;field_theme&quot;; see worksheet Topics Mapping Projects"/>
    <hyperlink ref="H4" location="'Vanuatu Glossary'!A1" display="*controlled glossary of 208  keywords;  it would be easiest just to feed these into a free text tags/keywords field but they could be mapped to the PCCP glossary if necessary?"/>
    <hyperlink ref="H9" location="'Mat_type mapping Documents'!A1" display="see worksheet Mat_type mapping Documents"/>
    <hyperlink ref="H10" location="'Topics Mapping Projects'!A1" display="see worksheet Topics Mapping Projects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00"/>
  <sheetViews>
    <sheetView topLeftCell="A49" workbookViewId="0">
      <selection activeCell="A69" sqref="A69"/>
    </sheetView>
  </sheetViews>
  <sheetFormatPr defaultRowHeight="15" x14ac:dyDescent="0.25"/>
  <cols>
    <col min="1" max="1" width="36.42578125" customWidth="1"/>
    <col min="2" max="2" width="31" customWidth="1"/>
    <col min="3" max="3" width="34.28515625" customWidth="1"/>
    <col min="4" max="4" width="25.140625" customWidth="1"/>
    <col min="5" max="5" width="14.7109375" customWidth="1"/>
  </cols>
  <sheetData>
    <row r="1" spans="1:5" s="68" customFormat="1" ht="45.75" thickBot="1" x14ac:dyDescent="0.3">
      <c r="A1" s="82" t="s">
        <v>300</v>
      </c>
      <c r="B1" s="82" t="s">
        <v>291</v>
      </c>
      <c r="C1" s="82" t="s">
        <v>518</v>
      </c>
      <c r="D1" s="82" t="s">
        <v>519</v>
      </c>
      <c r="E1" s="82" t="s">
        <v>520</v>
      </c>
    </row>
    <row r="2" spans="1:5" s="57" customFormat="1" x14ac:dyDescent="0.25">
      <c r="A2" s="57" t="s">
        <v>517</v>
      </c>
    </row>
    <row r="3" spans="1:5" s="57" customFormat="1" x14ac:dyDescent="0.25">
      <c r="A3" s="57" t="s">
        <v>294</v>
      </c>
    </row>
    <row r="4" spans="1:5" s="57" customFormat="1" x14ac:dyDescent="0.25">
      <c r="A4" s="57" t="s">
        <v>295</v>
      </c>
    </row>
    <row r="5" spans="1:5" ht="30" x14ac:dyDescent="0.25">
      <c r="A5" s="68" t="s">
        <v>324</v>
      </c>
      <c r="B5" t="s">
        <v>0</v>
      </c>
      <c r="C5" t="s">
        <v>226</v>
      </c>
      <c r="D5" t="s">
        <v>0</v>
      </c>
    </row>
    <row r="6" spans="1:5" x14ac:dyDescent="0.25">
      <c r="B6" t="s">
        <v>1</v>
      </c>
      <c r="C6" t="s">
        <v>221</v>
      </c>
      <c r="D6" t="s">
        <v>202</v>
      </c>
    </row>
    <row r="7" spans="1:5" x14ac:dyDescent="0.25">
      <c r="B7" t="s">
        <v>2</v>
      </c>
      <c r="C7" t="s">
        <v>2</v>
      </c>
    </row>
    <row r="8" spans="1:5" x14ac:dyDescent="0.25">
      <c r="B8" t="s">
        <v>3</v>
      </c>
      <c r="C8" t="s">
        <v>225</v>
      </c>
      <c r="D8" t="s">
        <v>263</v>
      </c>
      <c r="E8" t="s">
        <v>70</v>
      </c>
    </row>
    <row r="9" spans="1:5" x14ac:dyDescent="0.25">
      <c r="B9" t="s">
        <v>4</v>
      </c>
      <c r="C9" t="s">
        <v>213</v>
      </c>
      <c r="D9" t="s">
        <v>133</v>
      </c>
    </row>
    <row r="10" spans="1:5" x14ac:dyDescent="0.25">
      <c r="B10" t="s">
        <v>5</v>
      </c>
      <c r="C10" t="s">
        <v>219</v>
      </c>
      <c r="D10" t="s">
        <v>181</v>
      </c>
    </row>
    <row r="11" spans="1:5" x14ac:dyDescent="0.25">
      <c r="B11" t="s">
        <v>6</v>
      </c>
      <c r="C11" t="s">
        <v>129</v>
      </c>
    </row>
    <row r="12" spans="1:5" x14ac:dyDescent="0.25">
      <c r="B12" t="s">
        <v>7</v>
      </c>
      <c r="C12" t="s">
        <v>264</v>
      </c>
      <c r="D12" t="s">
        <v>265</v>
      </c>
    </row>
    <row r="13" spans="1:5" x14ac:dyDescent="0.25">
      <c r="B13" t="s">
        <v>8</v>
      </c>
      <c r="C13" t="s">
        <v>266</v>
      </c>
      <c r="D13" t="s">
        <v>8</v>
      </c>
    </row>
    <row r="14" spans="1:5" x14ac:dyDescent="0.25">
      <c r="B14" t="s">
        <v>9</v>
      </c>
      <c r="C14" t="s">
        <v>264</v>
      </c>
      <c r="D14" t="s">
        <v>267</v>
      </c>
    </row>
    <row r="15" spans="1:5" x14ac:dyDescent="0.25">
      <c r="B15" t="s">
        <v>10</v>
      </c>
      <c r="C15" t="s">
        <v>264</v>
      </c>
      <c r="D15" t="s">
        <v>268</v>
      </c>
    </row>
    <row r="16" spans="1:5" x14ac:dyDescent="0.25">
      <c r="B16" t="s">
        <v>11</v>
      </c>
      <c r="C16" t="s">
        <v>264</v>
      </c>
    </row>
    <row r="17" spans="2:4" x14ac:dyDescent="0.25">
      <c r="B17" t="s">
        <v>12</v>
      </c>
      <c r="C17" t="s">
        <v>264</v>
      </c>
      <c r="D17" t="s">
        <v>269</v>
      </c>
    </row>
    <row r="18" spans="2:4" x14ac:dyDescent="0.25">
      <c r="B18" t="s">
        <v>13</v>
      </c>
      <c r="C18" t="s">
        <v>264</v>
      </c>
      <c r="D18" t="s">
        <v>270</v>
      </c>
    </row>
    <row r="19" spans="2:4" x14ac:dyDescent="0.25">
      <c r="B19" t="s">
        <v>14</v>
      </c>
      <c r="C19" t="s">
        <v>264</v>
      </c>
      <c r="D19" t="s">
        <v>271</v>
      </c>
    </row>
    <row r="20" spans="2:4" x14ac:dyDescent="0.25">
      <c r="B20" t="s">
        <v>15</v>
      </c>
      <c r="C20" t="s">
        <v>264</v>
      </c>
      <c r="D20" t="s">
        <v>272</v>
      </c>
    </row>
    <row r="21" spans="2:4" x14ac:dyDescent="0.25">
      <c r="B21" t="s">
        <v>16</v>
      </c>
      <c r="C21" t="s">
        <v>273</v>
      </c>
      <c r="D21" t="s">
        <v>274</v>
      </c>
    </row>
    <row r="22" spans="2:4" x14ac:dyDescent="0.25">
      <c r="B22" t="s">
        <v>17</v>
      </c>
      <c r="C22" t="s">
        <v>273</v>
      </c>
      <c r="D22" t="s">
        <v>275</v>
      </c>
    </row>
    <row r="23" spans="2:4" x14ac:dyDescent="0.25">
      <c r="B23" t="s">
        <v>18</v>
      </c>
      <c r="C23" t="s">
        <v>219</v>
      </c>
    </row>
    <row r="24" spans="2:4" x14ac:dyDescent="0.25">
      <c r="B24" t="s">
        <v>19</v>
      </c>
      <c r="C24" t="s">
        <v>211</v>
      </c>
      <c r="D24" t="s">
        <v>257</v>
      </c>
    </row>
    <row r="25" spans="2:4" x14ac:dyDescent="0.25">
      <c r="B25" t="s">
        <v>20</v>
      </c>
      <c r="C25" t="s">
        <v>211</v>
      </c>
      <c r="D25" t="s">
        <v>259</v>
      </c>
    </row>
    <row r="26" spans="2:4" x14ac:dyDescent="0.25">
      <c r="B26" t="s">
        <v>21</v>
      </c>
      <c r="C26" t="s">
        <v>225</v>
      </c>
    </row>
    <row r="27" spans="2:4" x14ac:dyDescent="0.25">
      <c r="B27" t="s">
        <v>22</v>
      </c>
      <c r="C27" t="s">
        <v>31</v>
      </c>
      <c r="D27" t="s">
        <v>276</v>
      </c>
    </row>
    <row r="28" spans="2:4" x14ac:dyDescent="0.25">
      <c r="B28" t="s">
        <v>23</v>
      </c>
      <c r="C28" t="s">
        <v>264</v>
      </c>
      <c r="D28" t="s">
        <v>277</v>
      </c>
    </row>
    <row r="29" spans="2:4" x14ac:dyDescent="0.25">
      <c r="B29" t="s">
        <v>24</v>
      </c>
      <c r="C29" t="s">
        <v>226</v>
      </c>
      <c r="D29" t="s">
        <v>244</v>
      </c>
    </row>
    <row r="30" spans="2:4" x14ac:dyDescent="0.25">
      <c r="B30" t="s">
        <v>25</v>
      </c>
      <c r="C30" t="s">
        <v>264</v>
      </c>
      <c r="D30" t="s">
        <v>278</v>
      </c>
    </row>
    <row r="31" spans="2:4" x14ac:dyDescent="0.25">
      <c r="B31" t="s">
        <v>26</v>
      </c>
      <c r="C31" t="s">
        <v>226</v>
      </c>
      <c r="D31" t="s">
        <v>242</v>
      </c>
    </row>
    <row r="32" spans="2:4" x14ac:dyDescent="0.25">
      <c r="B32" t="s">
        <v>27</v>
      </c>
      <c r="C32" t="s">
        <v>226</v>
      </c>
      <c r="D32" t="s">
        <v>245</v>
      </c>
    </row>
    <row r="33" spans="2:5" x14ac:dyDescent="0.25">
      <c r="B33" t="s">
        <v>28</v>
      </c>
      <c r="C33" t="s">
        <v>221</v>
      </c>
      <c r="D33" t="s">
        <v>279</v>
      </c>
    </row>
    <row r="34" spans="2:5" ht="30" x14ac:dyDescent="0.25">
      <c r="B34" t="s">
        <v>29</v>
      </c>
      <c r="C34" s="3" t="s">
        <v>280</v>
      </c>
      <c r="D34" t="s">
        <v>281</v>
      </c>
    </row>
    <row r="35" spans="2:5" x14ac:dyDescent="0.25">
      <c r="B35" t="s">
        <v>30</v>
      </c>
      <c r="C35" t="s">
        <v>30</v>
      </c>
    </row>
    <row r="36" spans="2:5" x14ac:dyDescent="0.25">
      <c r="B36" t="s">
        <v>31</v>
      </c>
      <c r="C36" t="s">
        <v>31</v>
      </c>
    </row>
    <row r="37" spans="2:5" x14ac:dyDescent="0.25">
      <c r="B37" t="s">
        <v>32</v>
      </c>
      <c r="C37" t="s">
        <v>264</v>
      </c>
      <c r="D37" t="s">
        <v>92</v>
      </c>
    </row>
    <row r="38" spans="2:5" x14ac:dyDescent="0.25">
      <c r="B38" t="s">
        <v>33</v>
      </c>
      <c r="C38" t="s">
        <v>221</v>
      </c>
      <c r="D38" t="s">
        <v>33</v>
      </c>
    </row>
    <row r="39" spans="2:5" x14ac:dyDescent="0.25">
      <c r="B39" t="s">
        <v>34</v>
      </c>
      <c r="C39" t="s">
        <v>280</v>
      </c>
      <c r="D39" t="s">
        <v>161</v>
      </c>
    </row>
    <row r="40" spans="2:5" x14ac:dyDescent="0.25">
      <c r="B40" t="s">
        <v>35</v>
      </c>
      <c r="C40" t="s">
        <v>282</v>
      </c>
      <c r="E40" t="s">
        <v>72</v>
      </c>
    </row>
    <row r="41" spans="2:5" x14ac:dyDescent="0.25">
      <c r="B41" t="s">
        <v>36</v>
      </c>
      <c r="C41" t="s">
        <v>226</v>
      </c>
      <c r="D41" t="s">
        <v>104</v>
      </c>
    </row>
    <row r="42" spans="2:5" x14ac:dyDescent="0.25">
      <c r="B42" t="s">
        <v>37</v>
      </c>
      <c r="C42" t="s">
        <v>264</v>
      </c>
      <c r="D42" t="s">
        <v>90</v>
      </c>
    </row>
    <row r="43" spans="2:5" x14ac:dyDescent="0.25">
      <c r="B43" t="s">
        <v>38</v>
      </c>
      <c r="C43" t="s">
        <v>226</v>
      </c>
      <c r="D43" t="s">
        <v>38</v>
      </c>
    </row>
    <row r="44" spans="2:5" x14ac:dyDescent="0.25">
      <c r="B44" t="s">
        <v>39</v>
      </c>
      <c r="C44" t="s">
        <v>225</v>
      </c>
      <c r="D44" t="s">
        <v>93</v>
      </c>
      <c r="E44" t="s">
        <v>70</v>
      </c>
    </row>
    <row r="45" spans="2:5" x14ac:dyDescent="0.25">
      <c r="B45" t="s">
        <v>40</v>
      </c>
      <c r="C45" t="s">
        <v>227</v>
      </c>
      <c r="D45" t="s">
        <v>40</v>
      </c>
    </row>
    <row r="46" spans="2:5" x14ac:dyDescent="0.25">
      <c r="B46" t="s">
        <v>41</v>
      </c>
      <c r="C46" t="s">
        <v>225</v>
      </c>
    </row>
    <row r="47" spans="2:5" x14ac:dyDescent="0.25">
      <c r="B47" t="s">
        <v>42</v>
      </c>
      <c r="C47" t="s">
        <v>225</v>
      </c>
      <c r="D47" t="s">
        <v>93</v>
      </c>
    </row>
    <row r="48" spans="2:5" x14ac:dyDescent="0.25">
      <c r="B48" t="s">
        <v>43</v>
      </c>
      <c r="C48" t="s">
        <v>30</v>
      </c>
      <c r="D48" t="s">
        <v>134</v>
      </c>
    </row>
    <row r="49" spans="2:5" x14ac:dyDescent="0.25">
      <c r="B49" t="s">
        <v>44</v>
      </c>
      <c r="C49" t="s">
        <v>2</v>
      </c>
      <c r="D49" t="s">
        <v>158</v>
      </c>
    </row>
    <row r="50" spans="2:5" x14ac:dyDescent="0.25">
      <c r="B50" t="s">
        <v>45</v>
      </c>
      <c r="C50" t="s">
        <v>264</v>
      </c>
      <c r="D50" t="s">
        <v>283</v>
      </c>
    </row>
    <row r="51" spans="2:5" x14ac:dyDescent="0.25">
      <c r="B51" t="s">
        <v>46</v>
      </c>
      <c r="C51" t="s">
        <v>264</v>
      </c>
      <c r="D51" t="s">
        <v>284</v>
      </c>
    </row>
    <row r="52" spans="2:5" x14ac:dyDescent="0.25">
      <c r="B52" t="s">
        <v>47</v>
      </c>
      <c r="C52" t="s">
        <v>31</v>
      </c>
      <c r="D52" t="s">
        <v>229</v>
      </c>
    </row>
    <row r="53" spans="2:5" x14ac:dyDescent="0.25">
      <c r="B53" t="s">
        <v>48</v>
      </c>
      <c r="C53" t="s">
        <v>285</v>
      </c>
      <c r="D53" t="s">
        <v>48</v>
      </c>
    </row>
    <row r="54" spans="2:5" x14ac:dyDescent="0.25">
      <c r="B54" t="s">
        <v>49</v>
      </c>
      <c r="C54" t="s">
        <v>221</v>
      </c>
    </row>
    <row r="55" spans="2:5" x14ac:dyDescent="0.25">
      <c r="B55" t="s">
        <v>50</v>
      </c>
      <c r="C55" t="s">
        <v>221</v>
      </c>
      <c r="D55" t="s">
        <v>113</v>
      </c>
      <c r="E55" t="s">
        <v>66</v>
      </c>
    </row>
    <row r="56" spans="2:5" x14ac:dyDescent="0.25">
      <c r="B56" t="s">
        <v>51</v>
      </c>
      <c r="C56" t="s">
        <v>212</v>
      </c>
    </row>
    <row r="57" spans="2:5" x14ac:dyDescent="0.25">
      <c r="B57" t="s">
        <v>52</v>
      </c>
      <c r="C57" t="s">
        <v>264</v>
      </c>
      <c r="D57" t="s">
        <v>286</v>
      </c>
    </row>
    <row r="58" spans="2:5" x14ac:dyDescent="0.25">
      <c r="B58" t="s">
        <v>53</v>
      </c>
      <c r="C58" t="s">
        <v>264</v>
      </c>
      <c r="D58" t="s">
        <v>284</v>
      </c>
    </row>
    <row r="59" spans="2:5" x14ac:dyDescent="0.25">
      <c r="B59" t="s">
        <v>54</v>
      </c>
      <c r="C59" t="s">
        <v>212</v>
      </c>
    </row>
    <row r="60" spans="2:5" x14ac:dyDescent="0.25">
      <c r="B60" t="s">
        <v>55</v>
      </c>
      <c r="C60" t="s">
        <v>213</v>
      </c>
      <c r="D60" t="s">
        <v>55</v>
      </c>
    </row>
    <row r="61" spans="2:5" x14ac:dyDescent="0.25">
      <c r="B61" t="s">
        <v>56</v>
      </c>
      <c r="C61" t="s">
        <v>213</v>
      </c>
      <c r="D61" t="s">
        <v>56</v>
      </c>
    </row>
    <row r="62" spans="2:5" x14ac:dyDescent="0.25">
      <c r="B62" t="s">
        <v>57</v>
      </c>
      <c r="C62" t="s">
        <v>264</v>
      </c>
      <c r="D62" t="s">
        <v>287</v>
      </c>
    </row>
    <row r="63" spans="2:5" x14ac:dyDescent="0.25">
      <c r="B63" t="s">
        <v>58</v>
      </c>
      <c r="C63" t="s">
        <v>282</v>
      </c>
      <c r="D63" t="s">
        <v>125</v>
      </c>
    </row>
    <row r="64" spans="2:5" x14ac:dyDescent="0.25">
      <c r="B64" t="s">
        <v>59</v>
      </c>
      <c r="C64" t="s">
        <v>264</v>
      </c>
      <c r="D64" t="s">
        <v>288</v>
      </c>
    </row>
    <row r="65" spans="1:4" x14ac:dyDescent="0.25">
      <c r="B65" t="s">
        <v>60</v>
      </c>
      <c r="C65" t="s">
        <v>264</v>
      </c>
      <c r="D65" t="s">
        <v>289</v>
      </c>
    </row>
    <row r="66" spans="1:4" x14ac:dyDescent="0.25">
      <c r="B66" t="s">
        <v>61</v>
      </c>
      <c r="C66" t="s">
        <v>264</v>
      </c>
      <c r="D66" t="s">
        <v>289</v>
      </c>
    </row>
    <row r="67" spans="1:4" x14ac:dyDescent="0.25">
      <c r="B67" t="s">
        <v>62</v>
      </c>
      <c r="C67" t="s">
        <v>62</v>
      </c>
    </row>
    <row r="68" spans="1:4" x14ac:dyDescent="0.25">
      <c r="B68" t="s">
        <v>63</v>
      </c>
      <c r="C68" t="s">
        <v>221</v>
      </c>
      <c r="D68" t="s">
        <v>290</v>
      </c>
    </row>
    <row r="69" spans="1:4" ht="30" x14ac:dyDescent="0.25">
      <c r="A69" s="68" t="s">
        <v>292</v>
      </c>
      <c r="B69" s="70" t="s">
        <v>186</v>
      </c>
      <c r="C69" t="s">
        <v>225</v>
      </c>
      <c r="D69" t="s">
        <v>325</v>
      </c>
    </row>
    <row r="70" spans="1:4" x14ac:dyDescent="0.25">
      <c r="B70" s="70" t="s">
        <v>303</v>
      </c>
      <c r="C70" t="s">
        <v>2</v>
      </c>
      <c r="D70" t="s">
        <v>326</v>
      </c>
    </row>
    <row r="71" spans="1:4" x14ac:dyDescent="0.25">
      <c r="B71" t="s">
        <v>188</v>
      </c>
      <c r="C71" t="s">
        <v>227</v>
      </c>
      <c r="D71" t="s">
        <v>327</v>
      </c>
    </row>
    <row r="72" spans="1:4" x14ac:dyDescent="0.25">
      <c r="B72" t="s">
        <v>2</v>
      </c>
      <c r="C72" t="s">
        <v>2</v>
      </c>
    </row>
    <row r="73" spans="1:4" x14ac:dyDescent="0.25">
      <c r="B73" t="s">
        <v>304</v>
      </c>
      <c r="C73" t="s">
        <v>225</v>
      </c>
      <c r="D73" t="s">
        <v>328</v>
      </c>
    </row>
    <row r="74" spans="1:4" x14ac:dyDescent="0.25">
      <c r="B74" t="s">
        <v>305</v>
      </c>
      <c r="C74" t="s">
        <v>226</v>
      </c>
      <c r="D74" t="s">
        <v>305</v>
      </c>
    </row>
    <row r="75" spans="1:4" x14ac:dyDescent="0.25">
      <c r="B75" t="s">
        <v>306</v>
      </c>
      <c r="C75" t="s">
        <v>264</v>
      </c>
      <c r="D75" t="s">
        <v>272</v>
      </c>
    </row>
    <row r="76" spans="1:4" x14ac:dyDescent="0.25">
      <c r="B76" t="s">
        <v>308</v>
      </c>
      <c r="C76" t="s">
        <v>225</v>
      </c>
      <c r="D76" t="s">
        <v>329</v>
      </c>
    </row>
    <row r="77" spans="1:4" x14ac:dyDescent="0.25">
      <c r="B77" t="s">
        <v>307</v>
      </c>
      <c r="C77" t="s">
        <v>225</v>
      </c>
      <c r="D77" t="s">
        <v>325</v>
      </c>
    </row>
    <row r="78" spans="1:4" x14ac:dyDescent="0.25">
      <c r="B78" t="s">
        <v>309</v>
      </c>
      <c r="C78" t="s">
        <v>226</v>
      </c>
      <c r="D78" t="s">
        <v>244</v>
      </c>
    </row>
    <row r="79" spans="1:4" x14ac:dyDescent="0.25">
      <c r="B79" t="s">
        <v>310</v>
      </c>
      <c r="C79" t="s">
        <v>264</v>
      </c>
      <c r="D79" t="s">
        <v>278</v>
      </c>
    </row>
    <row r="80" spans="1:4" x14ac:dyDescent="0.25">
      <c r="B80" t="s">
        <v>311</v>
      </c>
      <c r="C80" t="s">
        <v>225</v>
      </c>
      <c r="D80" t="s">
        <v>325</v>
      </c>
    </row>
    <row r="81" spans="1:4" x14ac:dyDescent="0.25">
      <c r="B81" t="s">
        <v>312</v>
      </c>
      <c r="C81" t="s">
        <v>2</v>
      </c>
      <c r="D81" t="s">
        <v>312</v>
      </c>
    </row>
    <row r="82" spans="1:4" x14ac:dyDescent="0.25">
      <c r="B82" t="s">
        <v>313</v>
      </c>
      <c r="C82" t="s">
        <v>264</v>
      </c>
      <c r="D82" t="s">
        <v>330</v>
      </c>
    </row>
    <row r="83" spans="1:4" x14ac:dyDescent="0.25">
      <c r="B83" t="s">
        <v>314</v>
      </c>
      <c r="C83" t="s">
        <v>225</v>
      </c>
      <c r="D83" t="s">
        <v>325</v>
      </c>
    </row>
    <row r="84" spans="1:4" x14ac:dyDescent="0.25">
      <c r="B84" t="s">
        <v>315</v>
      </c>
      <c r="C84" t="s">
        <v>225</v>
      </c>
      <c r="D84" t="s">
        <v>263</v>
      </c>
    </row>
    <row r="85" spans="1:4" x14ac:dyDescent="0.25">
      <c r="B85" t="s">
        <v>316</v>
      </c>
    </row>
    <row r="86" spans="1:4" x14ac:dyDescent="0.25">
      <c r="B86" t="s">
        <v>317</v>
      </c>
      <c r="C86" t="s">
        <v>226</v>
      </c>
      <c r="D86" t="s">
        <v>0</v>
      </c>
    </row>
    <row r="87" spans="1:4" x14ac:dyDescent="0.25">
      <c r="B87" t="s">
        <v>318</v>
      </c>
      <c r="C87" t="s">
        <v>227</v>
      </c>
      <c r="D87" t="s">
        <v>318</v>
      </c>
    </row>
    <row r="88" spans="1:4" x14ac:dyDescent="0.25">
      <c r="B88" t="s">
        <v>319</v>
      </c>
      <c r="C88" t="s">
        <v>264</v>
      </c>
      <c r="D88" t="s">
        <v>287</v>
      </c>
    </row>
    <row r="89" spans="1:4" x14ac:dyDescent="0.25">
      <c r="B89" t="s">
        <v>320</v>
      </c>
      <c r="C89" t="s">
        <v>264</v>
      </c>
      <c r="D89" t="s">
        <v>288</v>
      </c>
    </row>
    <row r="90" spans="1:4" x14ac:dyDescent="0.25">
      <c r="B90" t="s">
        <v>321</v>
      </c>
      <c r="C90" t="s">
        <v>243</v>
      </c>
    </row>
    <row r="91" spans="1:4" x14ac:dyDescent="0.25">
      <c r="B91" t="s">
        <v>322</v>
      </c>
      <c r="C91" t="s">
        <v>227</v>
      </c>
    </row>
    <row r="92" spans="1:4" x14ac:dyDescent="0.25">
      <c r="A92" s="57"/>
      <c r="B92" s="69"/>
    </row>
    <row r="300" spans="2:2" x14ac:dyDescent="0.25">
      <c r="B300" s="69" t="s">
        <v>323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08"/>
  <sheetViews>
    <sheetView topLeftCell="A31" workbookViewId="0">
      <selection activeCell="B105" sqref="B105"/>
    </sheetView>
  </sheetViews>
  <sheetFormatPr defaultRowHeight="15" x14ac:dyDescent="0.25"/>
  <cols>
    <col min="1" max="1" width="20.5703125" style="3" customWidth="1"/>
    <col min="2" max="2" width="29.42578125" bestFit="1" customWidth="1"/>
    <col min="3" max="3" width="34" customWidth="1"/>
    <col min="4" max="4" width="37.85546875" customWidth="1"/>
    <col min="5" max="5" width="41.42578125" customWidth="1"/>
    <col min="6" max="6" width="34.42578125" customWidth="1"/>
  </cols>
  <sheetData>
    <row r="1" spans="1:6" s="68" customFormat="1" ht="15.75" thickBot="1" x14ac:dyDescent="0.3">
      <c r="A1" s="82" t="s">
        <v>300</v>
      </c>
      <c r="B1" s="82" t="s">
        <v>301</v>
      </c>
      <c r="C1" s="82" t="s">
        <v>302</v>
      </c>
      <c r="D1" s="82" t="s">
        <v>260</v>
      </c>
      <c r="E1" s="82" t="s">
        <v>261</v>
      </c>
      <c r="F1" s="82" t="s">
        <v>262</v>
      </c>
    </row>
    <row r="2" spans="1:6" ht="30" x14ac:dyDescent="0.25">
      <c r="A2" s="68" t="s">
        <v>299</v>
      </c>
      <c r="B2" t="s">
        <v>221</v>
      </c>
      <c r="C2" t="s">
        <v>228</v>
      </c>
      <c r="D2" s="58" t="s">
        <v>221</v>
      </c>
      <c r="E2" s="59" t="s">
        <v>228</v>
      </c>
      <c r="F2" s="59"/>
    </row>
    <row r="3" spans="1:6" x14ac:dyDescent="0.25">
      <c r="B3" t="s">
        <v>221</v>
      </c>
      <c r="C3" t="s">
        <v>229</v>
      </c>
      <c r="D3" s="59" t="s">
        <v>31</v>
      </c>
      <c r="E3" s="59" t="s">
        <v>229</v>
      </c>
      <c r="F3" s="59"/>
    </row>
    <row r="4" spans="1:6" x14ac:dyDescent="0.25">
      <c r="B4" t="s">
        <v>221</v>
      </c>
      <c r="C4" t="s">
        <v>230</v>
      </c>
      <c r="D4" s="59" t="s">
        <v>31</v>
      </c>
      <c r="E4" s="59"/>
      <c r="F4" s="59"/>
    </row>
    <row r="5" spans="1:6" x14ac:dyDescent="0.25">
      <c r="B5" t="s">
        <v>221</v>
      </c>
      <c r="C5" t="s">
        <v>231</v>
      </c>
      <c r="D5" s="59" t="s">
        <v>221</v>
      </c>
      <c r="E5" s="59" t="s">
        <v>28</v>
      </c>
      <c r="F5" s="59"/>
    </row>
    <row r="6" spans="1:6" x14ac:dyDescent="0.25">
      <c r="B6" t="s">
        <v>221</v>
      </c>
      <c r="D6" s="59" t="s">
        <v>221</v>
      </c>
      <c r="E6" s="59" t="s">
        <v>63</v>
      </c>
      <c r="F6" s="59"/>
    </row>
    <row r="7" spans="1:6" x14ac:dyDescent="0.25">
      <c r="B7" t="s">
        <v>221</v>
      </c>
      <c r="C7" t="s">
        <v>232</v>
      </c>
      <c r="D7" s="59" t="s">
        <v>233</v>
      </c>
      <c r="E7" s="59"/>
      <c r="F7" s="59"/>
    </row>
    <row r="8" spans="1:6" x14ac:dyDescent="0.25">
      <c r="B8" t="s">
        <v>221</v>
      </c>
      <c r="C8" t="s">
        <v>234</v>
      </c>
      <c r="D8" s="59" t="s">
        <v>233</v>
      </c>
      <c r="E8" s="59"/>
      <c r="F8" s="59"/>
    </row>
    <row r="9" spans="1:6" x14ac:dyDescent="0.25">
      <c r="B9" t="s">
        <v>221</v>
      </c>
      <c r="C9" t="s">
        <v>235</v>
      </c>
      <c r="D9" s="59" t="s">
        <v>236</v>
      </c>
      <c r="E9" s="59" t="s">
        <v>235</v>
      </c>
      <c r="F9" s="59"/>
    </row>
    <row r="10" spans="1:6" x14ac:dyDescent="0.25">
      <c r="B10" t="s">
        <v>221</v>
      </c>
      <c r="C10" t="s">
        <v>237</v>
      </c>
      <c r="D10" s="59" t="s">
        <v>213</v>
      </c>
      <c r="E10" s="59" t="s">
        <v>237</v>
      </c>
      <c r="F10" s="59"/>
    </row>
    <row r="11" spans="1:6" x14ac:dyDescent="0.25">
      <c r="B11" t="s">
        <v>221</v>
      </c>
      <c r="C11" t="s">
        <v>238</v>
      </c>
      <c r="D11" s="58" t="s">
        <v>239</v>
      </c>
      <c r="E11" s="59"/>
      <c r="F11" s="59"/>
    </row>
    <row r="12" spans="1:6" x14ac:dyDescent="0.25">
      <c r="B12" t="s">
        <v>41</v>
      </c>
      <c r="C12" t="s">
        <v>240</v>
      </c>
      <c r="D12" s="60" t="s">
        <v>241</v>
      </c>
      <c r="E12" s="59" t="s">
        <v>242</v>
      </c>
      <c r="F12" s="59"/>
    </row>
    <row r="13" spans="1:6" x14ac:dyDescent="0.25">
      <c r="B13" t="s">
        <v>41</v>
      </c>
      <c r="C13" t="s">
        <v>243</v>
      </c>
      <c r="D13" s="59" t="s">
        <v>62</v>
      </c>
      <c r="E13" s="59"/>
      <c r="F13" s="59"/>
    </row>
    <row r="14" spans="1:6" x14ac:dyDescent="0.25">
      <c r="B14" t="s">
        <v>41</v>
      </c>
      <c r="C14" t="s">
        <v>244</v>
      </c>
      <c r="D14" s="60" t="s">
        <v>241</v>
      </c>
      <c r="E14" s="59" t="s">
        <v>244</v>
      </c>
      <c r="F14" s="59"/>
    </row>
    <row r="15" spans="1:6" x14ac:dyDescent="0.25">
      <c r="B15" t="s">
        <v>41</v>
      </c>
      <c r="C15" t="s">
        <v>245</v>
      </c>
      <c r="D15" s="59" t="s">
        <v>241</v>
      </c>
      <c r="E15" s="59" t="s">
        <v>245</v>
      </c>
      <c r="F15" s="59"/>
    </row>
    <row r="16" spans="1:6" x14ac:dyDescent="0.25">
      <c r="B16" s="61" t="s">
        <v>42</v>
      </c>
      <c r="C16" s="61" t="s">
        <v>246</v>
      </c>
      <c r="D16" s="62" t="s">
        <v>247</v>
      </c>
      <c r="E16" s="63" t="s">
        <v>170</v>
      </c>
      <c r="F16" s="64" t="s">
        <v>70</v>
      </c>
    </row>
    <row r="17" spans="1:6" x14ac:dyDescent="0.25">
      <c r="B17" t="s">
        <v>42</v>
      </c>
      <c r="C17" t="s">
        <v>248</v>
      </c>
      <c r="D17" s="62" t="s">
        <v>247</v>
      </c>
      <c r="E17" s="59" t="s">
        <v>249</v>
      </c>
      <c r="F17" s="59" t="s">
        <v>70</v>
      </c>
    </row>
    <row r="18" spans="1:6" x14ac:dyDescent="0.25">
      <c r="B18" t="s">
        <v>16</v>
      </c>
      <c r="C18" t="s">
        <v>250</v>
      </c>
      <c r="D18" s="65" t="s">
        <v>251</v>
      </c>
      <c r="E18" s="59" t="s">
        <v>250</v>
      </c>
      <c r="F18" s="59"/>
    </row>
    <row r="19" spans="1:6" x14ac:dyDescent="0.25">
      <c r="B19" t="s">
        <v>16</v>
      </c>
      <c r="C19" t="s">
        <v>252</v>
      </c>
      <c r="D19" s="59" t="s">
        <v>213</v>
      </c>
      <c r="E19" s="59" t="s">
        <v>253</v>
      </c>
      <c r="F19" s="59"/>
    </row>
    <row r="20" spans="1:6" x14ac:dyDescent="0.25">
      <c r="B20" t="s">
        <v>16</v>
      </c>
      <c r="C20" t="s">
        <v>72</v>
      </c>
      <c r="D20" s="65" t="s">
        <v>254</v>
      </c>
      <c r="E20" s="66" t="s">
        <v>16</v>
      </c>
      <c r="F20" s="59" t="s">
        <v>72</v>
      </c>
    </row>
    <row r="21" spans="1:6" ht="30" x14ac:dyDescent="0.25">
      <c r="B21" t="s">
        <v>16</v>
      </c>
      <c r="C21" t="s">
        <v>34</v>
      </c>
      <c r="D21" s="67" t="s">
        <v>255</v>
      </c>
      <c r="E21" s="66" t="s">
        <v>256</v>
      </c>
      <c r="F21" s="59"/>
    </row>
    <row r="22" spans="1:6" x14ac:dyDescent="0.25">
      <c r="B22" t="s">
        <v>16</v>
      </c>
      <c r="C22" t="s">
        <v>257</v>
      </c>
      <c r="D22" s="58" t="s">
        <v>211</v>
      </c>
      <c r="E22" s="59" t="s">
        <v>257</v>
      </c>
      <c r="F22" s="59"/>
    </row>
    <row r="23" spans="1:6" x14ac:dyDescent="0.25">
      <c r="B23" t="s">
        <v>16</v>
      </c>
      <c r="C23" t="s">
        <v>258</v>
      </c>
      <c r="D23" s="65" t="s">
        <v>211</v>
      </c>
      <c r="E23" s="59" t="s">
        <v>259</v>
      </c>
      <c r="F23" s="59"/>
    </row>
    <row r="24" spans="1:6" x14ac:dyDescent="0.25">
      <c r="B24" t="s">
        <v>2</v>
      </c>
      <c r="D24" s="65" t="s">
        <v>2</v>
      </c>
    </row>
    <row r="25" spans="1:6" ht="30" x14ac:dyDescent="0.25">
      <c r="A25" s="68" t="s">
        <v>296</v>
      </c>
      <c r="B25" t="s">
        <v>0</v>
      </c>
      <c r="D25" t="s">
        <v>226</v>
      </c>
      <c r="E25" t="s">
        <v>0</v>
      </c>
    </row>
    <row r="26" spans="1:6" x14ac:dyDescent="0.25">
      <c r="B26" t="s">
        <v>1</v>
      </c>
      <c r="D26" t="s">
        <v>221</v>
      </c>
      <c r="E26" t="s">
        <v>202</v>
      </c>
    </row>
    <row r="27" spans="1:6" x14ac:dyDescent="0.25">
      <c r="B27" t="s">
        <v>2</v>
      </c>
      <c r="D27" t="s">
        <v>2</v>
      </c>
    </row>
    <row r="28" spans="1:6" x14ac:dyDescent="0.25">
      <c r="B28" t="s">
        <v>3</v>
      </c>
      <c r="D28" t="s">
        <v>225</v>
      </c>
      <c r="E28" t="s">
        <v>263</v>
      </c>
      <c r="F28" t="s">
        <v>70</v>
      </c>
    </row>
    <row r="29" spans="1:6" x14ac:dyDescent="0.25">
      <c r="B29" t="s">
        <v>4</v>
      </c>
      <c r="D29" t="s">
        <v>213</v>
      </c>
      <c r="E29" t="s">
        <v>133</v>
      </c>
    </row>
    <row r="30" spans="1:6" x14ac:dyDescent="0.25">
      <c r="B30" t="s">
        <v>5</v>
      </c>
      <c r="D30" t="s">
        <v>219</v>
      </c>
      <c r="E30" t="s">
        <v>181</v>
      </c>
    </row>
    <row r="31" spans="1:6" x14ac:dyDescent="0.25">
      <c r="B31" t="s">
        <v>6</v>
      </c>
      <c r="D31" t="s">
        <v>129</v>
      </c>
    </row>
    <row r="32" spans="1:6" x14ac:dyDescent="0.25">
      <c r="B32" t="s">
        <v>7</v>
      </c>
      <c r="D32" t="s">
        <v>264</v>
      </c>
      <c r="E32" t="s">
        <v>265</v>
      </c>
    </row>
    <row r="33" spans="2:5" x14ac:dyDescent="0.25">
      <c r="B33" t="s">
        <v>8</v>
      </c>
      <c r="D33" t="s">
        <v>266</v>
      </c>
      <c r="E33" t="s">
        <v>8</v>
      </c>
    </row>
    <row r="34" spans="2:5" x14ac:dyDescent="0.25">
      <c r="B34" t="s">
        <v>9</v>
      </c>
      <c r="D34" t="s">
        <v>264</v>
      </c>
      <c r="E34" t="s">
        <v>267</v>
      </c>
    </row>
    <row r="35" spans="2:5" x14ac:dyDescent="0.25">
      <c r="B35" t="s">
        <v>10</v>
      </c>
      <c r="D35" t="s">
        <v>264</v>
      </c>
      <c r="E35" t="s">
        <v>268</v>
      </c>
    </row>
    <row r="36" spans="2:5" x14ac:dyDescent="0.25">
      <c r="B36" t="s">
        <v>11</v>
      </c>
      <c r="D36" t="s">
        <v>264</v>
      </c>
    </row>
    <row r="37" spans="2:5" x14ac:dyDescent="0.25">
      <c r="B37" t="s">
        <v>12</v>
      </c>
      <c r="D37" t="s">
        <v>264</v>
      </c>
      <c r="E37" t="s">
        <v>269</v>
      </c>
    </row>
    <row r="38" spans="2:5" x14ac:dyDescent="0.25">
      <c r="B38" t="s">
        <v>13</v>
      </c>
      <c r="D38" t="s">
        <v>264</v>
      </c>
      <c r="E38" t="s">
        <v>270</v>
      </c>
    </row>
    <row r="39" spans="2:5" x14ac:dyDescent="0.25">
      <c r="B39" t="s">
        <v>14</v>
      </c>
      <c r="D39" t="s">
        <v>264</v>
      </c>
      <c r="E39" t="s">
        <v>271</v>
      </c>
    </row>
    <row r="40" spans="2:5" x14ac:dyDescent="0.25">
      <c r="B40" t="s">
        <v>15</v>
      </c>
      <c r="D40" t="s">
        <v>264</v>
      </c>
      <c r="E40" t="s">
        <v>272</v>
      </c>
    </row>
    <row r="41" spans="2:5" x14ac:dyDescent="0.25">
      <c r="B41" t="s">
        <v>16</v>
      </c>
      <c r="D41" t="s">
        <v>273</v>
      </c>
      <c r="E41" t="s">
        <v>274</v>
      </c>
    </row>
    <row r="42" spans="2:5" x14ac:dyDescent="0.25">
      <c r="B42" t="s">
        <v>17</v>
      </c>
      <c r="D42" t="s">
        <v>273</v>
      </c>
      <c r="E42" t="s">
        <v>275</v>
      </c>
    </row>
    <row r="43" spans="2:5" x14ac:dyDescent="0.25">
      <c r="B43" t="s">
        <v>18</v>
      </c>
      <c r="D43" t="s">
        <v>219</v>
      </c>
    </row>
    <row r="44" spans="2:5" x14ac:dyDescent="0.25">
      <c r="B44" t="s">
        <v>19</v>
      </c>
      <c r="D44" t="s">
        <v>211</v>
      </c>
      <c r="E44" t="s">
        <v>257</v>
      </c>
    </row>
    <row r="45" spans="2:5" x14ac:dyDescent="0.25">
      <c r="B45" t="s">
        <v>20</v>
      </c>
      <c r="D45" t="s">
        <v>211</v>
      </c>
      <c r="E45" t="s">
        <v>259</v>
      </c>
    </row>
    <row r="46" spans="2:5" x14ac:dyDescent="0.25">
      <c r="B46" t="s">
        <v>21</v>
      </c>
      <c r="D46" t="s">
        <v>225</v>
      </c>
    </row>
    <row r="47" spans="2:5" x14ac:dyDescent="0.25">
      <c r="B47" t="s">
        <v>22</v>
      </c>
      <c r="D47" t="s">
        <v>31</v>
      </c>
      <c r="E47" t="s">
        <v>276</v>
      </c>
    </row>
    <row r="48" spans="2:5" x14ac:dyDescent="0.25">
      <c r="B48" t="s">
        <v>23</v>
      </c>
      <c r="D48" t="s">
        <v>264</v>
      </c>
      <c r="E48" t="s">
        <v>277</v>
      </c>
    </row>
    <row r="49" spans="2:6" x14ac:dyDescent="0.25">
      <c r="B49" t="s">
        <v>24</v>
      </c>
      <c r="D49" t="s">
        <v>226</v>
      </c>
      <c r="E49" t="s">
        <v>244</v>
      </c>
    </row>
    <row r="50" spans="2:6" x14ac:dyDescent="0.25">
      <c r="B50" t="s">
        <v>25</v>
      </c>
      <c r="D50" t="s">
        <v>264</v>
      </c>
      <c r="E50" t="s">
        <v>278</v>
      </c>
    </row>
    <row r="51" spans="2:6" x14ac:dyDescent="0.25">
      <c r="B51" t="s">
        <v>26</v>
      </c>
      <c r="D51" t="s">
        <v>226</v>
      </c>
      <c r="E51" t="s">
        <v>242</v>
      </c>
    </row>
    <row r="52" spans="2:6" x14ac:dyDescent="0.25">
      <c r="B52" t="s">
        <v>27</v>
      </c>
      <c r="D52" t="s">
        <v>226</v>
      </c>
      <c r="E52" t="s">
        <v>245</v>
      </c>
    </row>
    <row r="53" spans="2:6" x14ac:dyDescent="0.25">
      <c r="B53" t="s">
        <v>28</v>
      </c>
      <c r="D53" t="s">
        <v>221</v>
      </c>
      <c r="E53" t="s">
        <v>279</v>
      </c>
    </row>
    <row r="54" spans="2:6" ht="30" x14ac:dyDescent="0.25">
      <c r="B54" t="s">
        <v>29</v>
      </c>
      <c r="D54" s="3" t="s">
        <v>280</v>
      </c>
      <c r="E54" t="s">
        <v>281</v>
      </c>
    </row>
    <row r="55" spans="2:6" x14ac:dyDescent="0.25">
      <c r="B55" t="s">
        <v>30</v>
      </c>
      <c r="D55" t="s">
        <v>30</v>
      </c>
    </row>
    <row r="56" spans="2:6" x14ac:dyDescent="0.25">
      <c r="B56" t="s">
        <v>31</v>
      </c>
      <c r="D56" t="s">
        <v>31</v>
      </c>
    </row>
    <row r="57" spans="2:6" x14ac:dyDescent="0.25">
      <c r="B57" t="s">
        <v>32</v>
      </c>
      <c r="D57" t="s">
        <v>264</v>
      </c>
      <c r="E57" t="s">
        <v>92</v>
      </c>
    </row>
    <row r="58" spans="2:6" x14ac:dyDescent="0.25">
      <c r="B58" t="s">
        <v>33</v>
      </c>
      <c r="D58" t="s">
        <v>221</v>
      </c>
      <c r="E58" t="s">
        <v>33</v>
      </c>
    </row>
    <row r="59" spans="2:6" x14ac:dyDescent="0.25">
      <c r="B59" t="s">
        <v>34</v>
      </c>
      <c r="D59" t="s">
        <v>280</v>
      </c>
      <c r="E59" t="s">
        <v>161</v>
      </c>
    </row>
    <row r="60" spans="2:6" x14ac:dyDescent="0.25">
      <c r="B60" t="s">
        <v>35</v>
      </c>
      <c r="D60" t="s">
        <v>282</v>
      </c>
      <c r="F60" t="s">
        <v>72</v>
      </c>
    </row>
    <row r="61" spans="2:6" x14ac:dyDescent="0.25">
      <c r="B61" t="s">
        <v>36</v>
      </c>
      <c r="D61" t="s">
        <v>226</v>
      </c>
      <c r="E61" t="s">
        <v>104</v>
      </c>
    </row>
    <row r="62" spans="2:6" x14ac:dyDescent="0.25">
      <c r="B62" t="s">
        <v>37</v>
      </c>
      <c r="D62" t="s">
        <v>264</v>
      </c>
      <c r="E62" t="s">
        <v>90</v>
      </c>
    </row>
    <row r="63" spans="2:6" x14ac:dyDescent="0.25">
      <c r="B63" t="s">
        <v>38</v>
      </c>
      <c r="D63" t="s">
        <v>226</v>
      </c>
      <c r="E63" t="s">
        <v>38</v>
      </c>
    </row>
    <row r="64" spans="2:6" x14ac:dyDescent="0.25">
      <c r="B64" t="s">
        <v>39</v>
      </c>
      <c r="D64" t="s">
        <v>225</v>
      </c>
      <c r="E64" t="s">
        <v>93</v>
      </c>
      <c r="F64" t="s">
        <v>70</v>
      </c>
    </row>
    <row r="65" spans="2:6" x14ac:dyDescent="0.25">
      <c r="B65" t="s">
        <v>40</v>
      </c>
      <c r="D65" t="s">
        <v>227</v>
      </c>
      <c r="E65" t="s">
        <v>40</v>
      </c>
    </row>
    <row r="66" spans="2:6" x14ac:dyDescent="0.25">
      <c r="B66" t="s">
        <v>41</v>
      </c>
      <c r="D66" t="s">
        <v>225</v>
      </c>
    </row>
    <row r="67" spans="2:6" x14ac:dyDescent="0.25">
      <c r="B67" t="s">
        <v>42</v>
      </c>
      <c r="D67" t="s">
        <v>225</v>
      </c>
      <c r="E67" t="s">
        <v>93</v>
      </c>
    </row>
    <row r="68" spans="2:6" x14ac:dyDescent="0.25">
      <c r="B68" t="s">
        <v>43</v>
      </c>
      <c r="D68" t="s">
        <v>30</v>
      </c>
      <c r="E68" t="s">
        <v>134</v>
      </c>
    </row>
    <row r="69" spans="2:6" x14ac:dyDescent="0.25">
      <c r="B69" t="s">
        <v>44</v>
      </c>
      <c r="D69" t="s">
        <v>2</v>
      </c>
      <c r="E69" t="s">
        <v>158</v>
      </c>
    </row>
    <row r="70" spans="2:6" x14ac:dyDescent="0.25">
      <c r="B70" t="s">
        <v>45</v>
      </c>
      <c r="D70" t="s">
        <v>264</v>
      </c>
      <c r="E70" t="s">
        <v>283</v>
      </c>
    </row>
    <row r="71" spans="2:6" x14ac:dyDescent="0.25">
      <c r="B71" t="s">
        <v>46</v>
      </c>
      <c r="D71" t="s">
        <v>264</v>
      </c>
      <c r="E71" t="s">
        <v>284</v>
      </c>
    </row>
    <row r="72" spans="2:6" x14ac:dyDescent="0.25">
      <c r="B72" t="s">
        <v>47</v>
      </c>
      <c r="D72" t="s">
        <v>31</v>
      </c>
      <c r="E72" t="s">
        <v>229</v>
      </c>
    </row>
    <row r="73" spans="2:6" x14ac:dyDescent="0.25">
      <c r="B73" t="s">
        <v>48</v>
      </c>
      <c r="D73" t="s">
        <v>285</v>
      </c>
      <c r="E73" t="s">
        <v>48</v>
      </c>
    </row>
    <row r="74" spans="2:6" x14ac:dyDescent="0.25">
      <c r="B74" t="s">
        <v>49</v>
      </c>
      <c r="D74" t="s">
        <v>221</v>
      </c>
    </row>
    <row r="75" spans="2:6" x14ac:dyDescent="0.25">
      <c r="B75" t="s">
        <v>50</v>
      </c>
      <c r="D75" t="s">
        <v>221</v>
      </c>
      <c r="E75" t="s">
        <v>113</v>
      </c>
      <c r="F75" t="s">
        <v>66</v>
      </c>
    </row>
    <row r="76" spans="2:6" x14ac:dyDescent="0.25">
      <c r="B76" t="s">
        <v>51</v>
      </c>
      <c r="D76" t="s">
        <v>212</v>
      </c>
    </row>
    <row r="77" spans="2:6" x14ac:dyDescent="0.25">
      <c r="B77" t="s">
        <v>52</v>
      </c>
      <c r="D77" t="s">
        <v>264</v>
      </c>
      <c r="E77" t="s">
        <v>286</v>
      </c>
    </row>
    <row r="78" spans="2:6" x14ac:dyDescent="0.25">
      <c r="B78" t="s">
        <v>53</v>
      </c>
      <c r="D78" t="s">
        <v>264</v>
      </c>
      <c r="E78" t="s">
        <v>284</v>
      </c>
    </row>
    <row r="79" spans="2:6" x14ac:dyDescent="0.25">
      <c r="B79" t="s">
        <v>54</v>
      </c>
      <c r="D79" t="s">
        <v>212</v>
      </c>
    </row>
    <row r="80" spans="2:6" x14ac:dyDescent="0.25">
      <c r="B80" t="s">
        <v>55</v>
      </c>
      <c r="D80" t="s">
        <v>213</v>
      </c>
      <c r="E80" t="s">
        <v>55</v>
      </c>
    </row>
    <row r="81" spans="1:5" x14ac:dyDescent="0.25">
      <c r="B81" t="s">
        <v>56</v>
      </c>
      <c r="D81" t="s">
        <v>213</v>
      </c>
      <c r="E81" t="s">
        <v>56</v>
      </c>
    </row>
    <row r="82" spans="1:5" x14ac:dyDescent="0.25">
      <c r="B82" t="s">
        <v>57</v>
      </c>
      <c r="D82" t="s">
        <v>264</v>
      </c>
      <c r="E82" t="s">
        <v>287</v>
      </c>
    </row>
    <row r="83" spans="1:5" x14ac:dyDescent="0.25">
      <c r="B83" t="s">
        <v>58</v>
      </c>
      <c r="D83" t="s">
        <v>282</v>
      </c>
      <c r="E83" t="s">
        <v>125</v>
      </c>
    </row>
    <row r="84" spans="1:5" x14ac:dyDescent="0.25">
      <c r="B84" t="s">
        <v>59</v>
      </c>
      <c r="D84" t="s">
        <v>264</v>
      </c>
      <c r="E84" t="s">
        <v>288</v>
      </c>
    </row>
    <row r="85" spans="1:5" x14ac:dyDescent="0.25">
      <c r="B85" t="s">
        <v>60</v>
      </c>
      <c r="D85" t="s">
        <v>264</v>
      </c>
      <c r="E85" t="s">
        <v>289</v>
      </c>
    </row>
    <row r="86" spans="1:5" x14ac:dyDescent="0.25">
      <c r="B86" t="s">
        <v>61</v>
      </c>
      <c r="D86" t="s">
        <v>264</v>
      </c>
      <c r="E86" t="s">
        <v>289</v>
      </c>
    </row>
    <row r="87" spans="1:5" x14ac:dyDescent="0.25">
      <c r="B87" t="s">
        <v>62</v>
      </c>
      <c r="D87" t="s">
        <v>62</v>
      </c>
    </row>
    <row r="88" spans="1:5" x14ac:dyDescent="0.25">
      <c r="B88" t="s">
        <v>63</v>
      </c>
      <c r="D88" t="s">
        <v>221</v>
      </c>
      <c r="E88" t="s">
        <v>290</v>
      </c>
    </row>
    <row r="89" spans="1:5" ht="30" x14ac:dyDescent="0.25">
      <c r="A89" s="68" t="s">
        <v>541</v>
      </c>
      <c r="B89" t="s">
        <v>542</v>
      </c>
      <c r="D89" t="s">
        <v>264</v>
      </c>
    </row>
    <row r="90" spans="1:5" x14ac:dyDescent="0.25">
      <c r="A90" s="68"/>
      <c r="B90" t="s">
        <v>543</v>
      </c>
      <c r="D90" t="s">
        <v>264</v>
      </c>
    </row>
    <row r="91" spans="1:5" x14ac:dyDescent="0.25">
      <c r="A91" s="68"/>
      <c r="B91" t="s">
        <v>9</v>
      </c>
      <c r="D91" t="s">
        <v>264</v>
      </c>
      <c r="E91" t="s">
        <v>267</v>
      </c>
    </row>
    <row r="92" spans="1:5" x14ac:dyDescent="0.25">
      <c r="A92" s="68"/>
      <c r="B92" t="s">
        <v>13</v>
      </c>
      <c r="D92" t="s">
        <v>264</v>
      </c>
      <c r="E92" t="s">
        <v>270</v>
      </c>
    </row>
    <row r="93" spans="1:5" x14ac:dyDescent="0.25">
      <c r="A93" s="68"/>
      <c r="B93" t="s">
        <v>15</v>
      </c>
      <c r="D93" t="s">
        <v>264</v>
      </c>
      <c r="E93" t="s">
        <v>272</v>
      </c>
    </row>
    <row r="94" spans="1:5" x14ac:dyDescent="0.25">
      <c r="A94" s="68"/>
      <c r="B94" t="s">
        <v>22</v>
      </c>
      <c r="D94" t="s">
        <v>31</v>
      </c>
      <c r="E94" t="s">
        <v>276</v>
      </c>
    </row>
    <row r="95" spans="1:5" x14ac:dyDescent="0.25">
      <c r="A95" s="68"/>
      <c r="B95" t="s">
        <v>23</v>
      </c>
      <c r="D95" t="s">
        <v>264</v>
      </c>
      <c r="E95" t="s">
        <v>277</v>
      </c>
    </row>
    <row r="96" spans="1:5" x14ac:dyDescent="0.25">
      <c r="A96" s="68"/>
      <c r="B96" t="s">
        <v>25</v>
      </c>
      <c r="D96" t="s">
        <v>264</v>
      </c>
      <c r="E96" t="s">
        <v>278</v>
      </c>
    </row>
    <row r="97" spans="1:5" x14ac:dyDescent="0.25">
      <c r="A97" s="68"/>
      <c r="B97" t="s">
        <v>32</v>
      </c>
      <c r="D97" t="s">
        <v>264</v>
      </c>
      <c r="E97" t="s">
        <v>545</v>
      </c>
    </row>
    <row r="98" spans="1:5" x14ac:dyDescent="0.25">
      <c r="A98" s="68"/>
      <c r="B98" t="s">
        <v>36</v>
      </c>
      <c r="D98" t="s">
        <v>547</v>
      </c>
      <c r="E98" t="s">
        <v>546</v>
      </c>
    </row>
    <row r="99" spans="1:5" x14ac:dyDescent="0.25">
      <c r="A99" s="68"/>
      <c r="B99" t="s">
        <v>37</v>
      </c>
      <c r="D99" t="s">
        <v>264</v>
      </c>
      <c r="E99" t="s">
        <v>90</v>
      </c>
    </row>
    <row r="100" spans="1:5" x14ac:dyDescent="0.25">
      <c r="B100" t="s">
        <v>52</v>
      </c>
      <c r="D100" t="s">
        <v>264</v>
      </c>
      <c r="E100" t="s">
        <v>286</v>
      </c>
    </row>
    <row r="101" spans="1:5" x14ac:dyDescent="0.25">
      <c r="B101" t="s">
        <v>54</v>
      </c>
      <c r="D101" t="s">
        <v>264</v>
      </c>
      <c r="E101" t="s">
        <v>548</v>
      </c>
    </row>
    <row r="102" spans="1:5" x14ac:dyDescent="0.25">
      <c r="B102" t="s">
        <v>544</v>
      </c>
      <c r="D102" t="s">
        <v>264</v>
      </c>
      <c r="E102" t="s">
        <v>267</v>
      </c>
    </row>
    <row r="103" spans="1:5" x14ac:dyDescent="0.25">
      <c r="B103" t="s">
        <v>57</v>
      </c>
      <c r="D103" t="s">
        <v>264</v>
      </c>
      <c r="E103" t="s">
        <v>287</v>
      </c>
    </row>
    <row r="104" spans="1:5" x14ac:dyDescent="0.25">
      <c r="B104" t="s">
        <v>59</v>
      </c>
      <c r="D104" t="s">
        <v>264</v>
      </c>
      <c r="E104" t="s">
        <v>288</v>
      </c>
    </row>
    <row r="105" spans="1:5" ht="30" x14ac:dyDescent="0.25">
      <c r="A105" s="68" t="s">
        <v>297</v>
      </c>
      <c r="B105" t="s">
        <v>2</v>
      </c>
      <c r="D105" t="s">
        <v>2</v>
      </c>
    </row>
    <row r="106" spans="1:5" x14ac:dyDescent="0.25">
      <c r="B106" t="s">
        <v>21</v>
      </c>
      <c r="D106" t="s">
        <v>298</v>
      </c>
    </row>
    <row r="107" spans="1:5" ht="30" x14ac:dyDescent="0.25">
      <c r="A107" s="68" t="s">
        <v>293</v>
      </c>
    </row>
    <row r="108" spans="1:5" x14ac:dyDescent="0.25">
      <c r="B108" s="69"/>
    </row>
  </sheetData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54"/>
  <sheetViews>
    <sheetView workbookViewId="0">
      <selection activeCell="A28" sqref="A28"/>
    </sheetView>
  </sheetViews>
  <sheetFormatPr defaultRowHeight="15" x14ac:dyDescent="0.25"/>
  <cols>
    <col min="1" max="1" width="29.7109375" customWidth="1"/>
    <col min="2" max="2" width="37.85546875" customWidth="1"/>
    <col min="3" max="3" width="43.7109375" customWidth="1"/>
    <col min="4" max="4" width="40.5703125" customWidth="1"/>
  </cols>
  <sheetData>
    <row r="1" spans="1:3" ht="15.75" thickBot="1" x14ac:dyDescent="0.3">
      <c r="A1" s="83" t="s">
        <v>300</v>
      </c>
      <c r="B1" s="83" t="s">
        <v>585</v>
      </c>
      <c r="C1" s="83" t="s">
        <v>532</v>
      </c>
    </row>
    <row r="2" spans="1:3" x14ac:dyDescent="0.25">
      <c r="A2" s="57" t="s">
        <v>521</v>
      </c>
      <c r="B2" t="s">
        <v>611</v>
      </c>
      <c r="C2" t="s">
        <v>606</v>
      </c>
    </row>
    <row r="3" spans="1:3" x14ac:dyDescent="0.25">
      <c r="B3" t="s">
        <v>561</v>
      </c>
      <c r="C3" t="s">
        <v>594</v>
      </c>
    </row>
    <row r="4" spans="1:3" x14ac:dyDescent="0.25">
      <c r="B4" t="s">
        <v>562</v>
      </c>
      <c r="C4" t="s">
        <v>605</v>
      </c>
    </row>
    <row r="5" spans="1:3" x14ac:dyDescent="0.25">
      <c r="B5" t="s">
        <v>563</v>
      </c>
      <c r="C5" t="s">
        <v>628</v>
      </c>
    </row>
    <row r="6" spans="1:3" x14ac:dyDescent="0.25">
      <c r="B6" t="s">
        <v>564</v>
      </c>
      <c r="C6" t="s">
        <v>627</v>
      </c>
    </row>
    <row r="7" spans="1:3" x14ac:dyDescent="0.25">
      <c r="B7" t="s">
        <v>565</v>
      </c>
      <c r="C7" t="s">
        <v>597</v>
      </c>
    </row>
    <row r="8" spans="1:3" x14ac:dyDescent="0.25">
      <c r="B8" t="s">
        <v>566</v>
      </c>
      <c r="C8" t="s">
        <v>593</v>
      </c>
    </row>
    <row r="9" spans="1:3" x14ac:dyDescent="0.25">
      <c r="B9" t="s">
        <v>567</v>
      </c>
      <c r="C9" t="s">
        <v>610</v>
      </c>
    </row>
    <row r="10" spans="1:3" x14ac:dyDescent="0.25">
      <c r="B10" t="s">
        <v>568</v>
      </c>
      <c r="C10" t="s">
        <v>606</v>
      </c>
    </row>
    <row r="11" spans="1:3" x14ac:dyDescent="0.25">
      <c r="B11" t="s">
        <v>569</v>
      </c>
      <c r="C11" t="s">
        <v>606</v>
      </c>
    </row>
    <row r="12" spans="1:3" x14ac:dyDescent="0.25">
      <c r="B12" t="s">
        <v>570</v>
      </c>
      <c r="C12" t="s">
        <v>601</v>
      </c>
    </row>
    <row r="13" spans="1:3" x14ac:dyDescent="0.25">
      <c r="B13" t="s">
        <v>571</v>
      </c>
      <c r="C13" t="s">
        <v>606</v>
      </c>
    </row>
    <row r="14" spans="1:3" x14ac:dyDescent="0.25">
      <c r="B14" t="s">
        <v>572</v>
      </c>
      <c r="C14" t="s">
        <v>606</v>
      </c>
    </row>
    <row r="15" spans="1:3" x14ac:dyDescent="0.25">
      <c r="B15" t="s">
        <v>574</v>
      </c>
      <c r="C15" t="s">
        <v>574</v>
      </c>
    </row>
    <row r="16" spans="1:3" x14ac:dyDescent="0.25">
      <c r="B16" t="s">
        <v>573</v>
      </c>
      <c r="C16" t="s">
        <v>603</v>
      </c>
    </row>
    <row r="17" spans="1:3" x14ac:dyDescent="0.25">
      <c r="B17" t="s">
        <v>575</v>
      </c>
      <c r="C17" t="s">
        <v>574</v>
      </c>
    </row>
    <row r="18" spans="1:3" x14ac:dyDescent="0.25">
      <c r="B18" t="s">
        <v>578</v>
      </c>
      <c r="C18" t="s">
        <v>609</v>
      </c>
    </row>
    <row r="19" spans="1:3" x14ac:dyDescent="0.25">
      <c r="B19" t="s">
        <v>576</v>
      </c>
      <c r="C19" t="s">
        <v>574</v>
      </c>
    </row>
    <row r="20" spans="1:3" x14ac:dyDescent="0.25">
      <c r="B20" t="s">
        <v>577</v>
      </c>
      <c r="C20" t="s">
        <v>574</v>
      </c>
    </row>
    <row r="21" spans="1:3" x14ac:dyDescent="0.25">
      <c r="B21" t="s">
        <v>579</v>
      </c>
      <c r="C21" t="s">
        <v>591</v>
      </c>
    </row>
    <row r="22" spans="1:3" x14ac:dyDescent="0.25">
      <c r="B22" t="s">
        <v>580</v>
      </c>
      <c r="C22" t="s">
        <v>609</v>
      </c>
    </row>
    <row r="23" spans="1:3" x14ac:dyDescent="0.25">
      <c r="B23" t="s">
        <v>581</v>
      </c>
      <c r="C23" t="s">
        <v>609</v>
      </c>
    </row>
    <row r="24" spans="1:3" x14ac:dyDescent="0.25">
      <c r="B24" t="s">
        <v>582</v>
      </c>
      <c r="C24" t="s">
        <v>609</v>
      </c>
    </row>
    <row r="25" spans="1:3" x14ac:dyDescent="0.25">
      <c r="B25" t="s">
        <v>583</v>
      </c>
      <c r="C25" t="s">
        <v>609</v>
      </c>
    </row>
    <row r="26" spans="1:3" x14ac:dyDescent="0.25">
      <c r="B26" t="s">
        <v>584</v>
      </c>
      <c r="C26" t="s">
        <v>609</v>
      </c>
    </row>
    <row r="27" spans="1:3" ht="45" x14ac:dyDescent="0.25">
      <c r="A27" s="68" t="s">
        <v>639</v>
      </c>
      <c r="B27" t="s">
        <v>591</v>
      </c>
      <c r="C27" t="s">
        <v>591</v>
      </c>
    </row>
    <row r="28" spans="1:3" x14ac:dyDescent="0.25">
      <c r="B28" t="s">
        <v>592</v>
      </c>
      <c r="C28" t="s">
        <v>592</v>
      </c>
    </row>
    <row r="29" spans="1:3" x14ac:dyDescent="0.25">
      <c r="B29" t="s">
        <v>574</v>
      </c>
      <c r="C29" t="s">
        <v>574</v>
      </c>
    </row>
    <row r="30" spans="1:3" x14ac:dyDescent="0.25">
      <c r="B30" t="s">
        <v>593</v>
      </c>
      <c r="C30" t="s">
        <v>593</v>
      </c>
    </row>
    <row r="31" spans="1:3" x14ac:dyDescent="0.25">
      <c r="B31" t="s">
        <v>594</v>
      </c>
      <c r="C31" t="s">
        <v>594</v>
      </c>
    </row>
    <row r="32" spans="1:3" x14ac:dyDescent="0.25">
      <c r="B32" t="s">
        <v>595</v>
      </c>
      <c r="C32" t="s">
        <v>595</v>
      </c>
    </row>
    <row r="33" spans="1:3" x14ac:dyDescent="0.25">
      <c r="B33" t="s">
        <v>596</v>
      </c>
      <c r="C33" t="s">
        <v>596</v>
      </c>
    </row>
    <row r="34" spans="1:3" x14ac:dyDescent="0.25">
      <c r="B34" t="s">
        <v>597</v>
      </c>
      <c r="C34" t="s">
        <v>597</v>
      </c>
    </row>
    <row r="35" spans="1:3" x14ac:dyDescent="0.25">
      <c r="B35" t="s">
        <v>598</v>
      </c>
      <c r="C35" t="s">
        <v>598</v>
      </c>
    </row>
    <row r="36" spans="1:3" x14ac:dyDescent="0.25">
      <c r="B36" t="s">
        <v>599</v>
      </c>
      <c r="C36" t="s">
        <v>599</v>
      </c>
    </row>
    <row r="37" spans="1:3" x14ac:dyDescent="0.25">
      <c r="B37" t="s">
        <v>600</v>
      </c>
      <c r="C37" t="s">
        <v>600</v>
      </c>
    </row>
    <row r="38" spans="1:3" x14ac:dyDescent="0.25">
      <c r="B38" t="s">
        <v>601</v>
      </c>
      <c r="C38" t="s">
        <v>601</v>
      </c>
    </row>
    <row r="39" spans="1:3" x14ac:dyDescent="0.25">
      <c r="B39" t="s">
        <v>602</v>
      </c>
      <c r="C39" t="s">
        <v>602</v>
      </c>
    </row>
    <row r="40" spans="1:3" x14ac:dyDescent="0.25">
      <c r="B40" t="s">
        <v>603</v>
      </c>
      <c r="C40" t="s">
        <v>603</v>
      </c>
    </row>
    <row r="41" spans="1:3" x14ac:dyDescent="0.25">
      <c r="B41" t="s">
        <v>604</v>
      </c>
      <c r="C41" t="s">
        <v>604</v>
      </c>
    </row>
    <row r="42" spans="1:3" x14ac:dyDescent="0.25">
      <c r="B42" t="s">
        <v>605</v>
      </c>
      <c r="C42" t="s">
        <v>605</v>
      </c>
    </row>
    <row r="43" spans="1:3" x14ac:dyDescent="0.25">
      <c r="B43" t="s">
        <v>606</v>
      </c>
      <c r="C43" t="s">
        <v>606</v>
      </c>
    </row>
    <row r="44" spans="1:3" x14ac:dyDescent="0.25">
      <c r="B44" t="s">
        <v>607</v>
      </c>
      <c r="C44" t="s">
        <v>607</v>
      </c>
    </row>
    <row r="45" spans="1:3" x14ac:dyDescent="0.25">
      <c r="B45" t="s">
        <v>608</v>
      </c>
      <c r="C45" t="s">
        <v>608</v>
      </c>
    </row>
    <row r="46" spans="1:3" x14ac:dyDescent="0.25">
      <c r="B46" t="s">
        <v>609</v>
      </c>
      <c r="C46" t="s">
        <v>609</v>
      </c>
    </row>
    <row r="47" spans="1:3" x14ac:dyDescent="0.25">
      <c r="B47" t="s">
        <v>610</v>
      </c>
      <c r="C47" t="s">
        <v>610</v>
      </c>
    </row>
    <row r="48" spans="1:3" x14ac:dyDescent="0.25">
      <c r="A48" s="57" t="s">
        <v>586</v>
      </c>
      <c r="B48" s="69" t="s">
        <v>612</v>
      </c>
    </row>
    <row r="49" spans="1:3" x14ac:dyDescent="0.25">
      <c r="A49" s="57" t="s">
        <v>554</v>
      </c>
      <c r="B49" t="s">
        <v>587</v>
      </c>
    </row>
    <row r="50" spans="1:3" ht="30" x14ac:dyDescent="0.25">
      <c r="A50" s="85" t="s">
        <v>645</v>
      </c>
      <c r="B50" t="s">
        <v>588</v>
      </c>
      <c r="C50" t="s">
        <v>606</v>
      </c>
    </row>
    <row r="51" spans="1:3" x14ac:dyDescent="0.25">
      <c r="A51" s="69"/>
      <c r="B51" t="s">
        <v>589</v>
      </c>
      <c r="C51" t="s">
        <v>606</v>
      </c>
    </row>
    <row r="52" spans="1:3" x14ac:dyDescent="0.25">
      <c r="B52" t="s">
        <v>590</v>
      </c>
      <c r="C52" t="s">
        <v>609</v>
      </c>
    </row>
    <row r="53" spans="1:3" x14ac:dyDescent="0.25">
      <c r="B53" t="s">
        <v>526</v>
      </c>
      <c r="C53" t="s">
        <v>606</v>
      </c>
    </row>
    <row r="54" spans="1:3" x14ac:dyDescent="0.25">
      <c r="B54" t="s">
        <v>578</v>
      </c>
      <c r="C54" t="s">
        <v>609</v>
      </c>
    </row>
  </sheetData>
  <pageMargins left="0.7" right="0.7" top="0.75" bottom="0.75" header="0.3" footer="0.3"/>
  <pageSetup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Z44"/>
  <sheetViews>
    <sheetView zoomScaleNormal="100" workbookViewId="0">
      <pane ySplit="1" topLeftCell="A2" activePane="bottomLeft" state="frozenSplit"/>
      <selection activeCell="L1" sqref="L1"/>
      <selection pane="bottomLeft" activeCell="B15" sqref="B15"/>
    </sheetView>
  </sheetViews>
  <sheetFormatPr defaultRowHeight="15" x14ac:dyDescent="0.25"/>
  <cols>
    <col min="1" max="1" width="19.140625" style="2" customWidth="1"/>
    <col min="2" max="2" width="20" style="4" customWidth="1"/>
    <col min="3" max="3" width="17.7109375" style="2" customWidth="1"/>
    <col min="4" max="4" width="15.5703125" customWidth="1"/>
    <col min="5" max="5" width="17.85546875" style="2" customWidth="1"/>
    <col min="6" max="6" width="17.42578125" customWidth="1"/>
    <col min="7" max="7" width="16.140625" customWidth="1"/>
    <col min="8" max="8" width="19.42578125" customWidth="1"/>
    <col min="9" max="9" width="20" customWidth="1"/>
    <col min="10" max="10" width="16.85546875" customWidth="1"/>
    <col min="11" max="11" width="16.140625" style="3" customWidth="1"/>
    <col min="12" max="12" width="16.5703125" customWidth="1"/>
    <col min="13" max="13" width="17.7109375" customWidth="1"/>
    <col min="14" max="14" width="16.28515625" customWidth="1"/>
    <col min="15" max="15" width="13.7109375" customWidth="1"/>
    <col min="16" max="16" width="18" customWidth="1"/>
    <col min="17" max="17" width="20.42578125" style="3" customWidth="1"/>
    <col min="18" max="19" width="20.5703125" customWidth="1"/>
    <col min="20" max="20" width="19.7109375" style="2" customWidth="1"/>
    <col min="21" max="78" width="9.140625" style="1"/>
  </cols>
  <sheetData>
    <row r="1" spans="1:78" s="52" customFormat="1" ht="60" x14ac:dyDescent="0.25">
      <c r="A1" s="54" t="s">
        <v>2</v>
      </c>
      <c r="B1" s="54" t="s">
        <v>11</v>
      </c>
      <c r="C1" s="54" t="s">
        <v>227</v>
      </c>
      <c r="D1" s="56" t="s">
        <v>226</v>
      </c>
      <c r="E1" s="54" t="s">
        <v>225</v>
      </c>
      <c r="F1" s="54" t="s">
        <v>224</v>
      </c>
      <c r="G1" s="54" t="s">
        <v>223</v>
      </c>
      <c r="H1" s="54" t="s">
        <v>222</v>
      </c>
      <c r="I1" s="54" t="s">
        <v>221</v>
      </c>
      <c r="J1" s="54" t="s">
        <v>220</v>
      </c>
      <c r="K1" s="54" t="s">
        <v>219</v>
      </c>
      <c r="L1" s="54" t="s">
        <v>218</v>
      </c>
      <c r="M1" s="54" t="s">
        <v>217</v>
      </c>
      <c r="N1" s="54" t="s">
        <v>216</v>
      </c>
      <c r="O1" s="54" t="s">
        <v>215</v>
      </c>
      <c r="P1" s="55" t="s">
        <v>214</v>
      </c>
      <c r="Q1" s="54" t="s">
        <v>213</v>
      </c>
      <c r="R1" s="54" t="s">
        <v>212</v>
      </c>
      <c r="S1" s="54" t="s">
        <v>211</v>
      </c>
      <c r="T1" s="54" t="s">
        <v>210</v>
      </c>
      <c r="U1" s="53"/>
      <c r="V1" s="53"/>
      <c r="W1" s="53"/>
      <c r="X1" s="53"/>
      <c r="Y1" s="53"/>
      <c r="Z1" s="53"/>
      <c r="AA1" s="53"/>
      <c r="AB1" s="53"/>
      <c r="AC1" s="53"/>
      <c r="AD1" s="53"/>
      <c r="AE1" s="53"/>
      <c r="AF1" s="53"/>
      <c r="AG1" s="53"/>
      <c r="AH1" s="53"/>
      <c r="AI1" s="53"/>
      <c r="AJ1" s="53"/>
      <c r="AK1" s="53"/>
      <c r="AL1" s="53"/>
      <c r="AM1" s="53"/>
      <c r="AN1" s="53"/>
      <c r="AO1" s="53"/>
      <c r="AP1" s="53"/>
      <c r="AQ1" s="53"/>
      <c r="AR1" s="53"/>
      <c r="AS1" s="53"/>
      <c r="AT1" s="53"/>
      <c r="AU1" s="53"/>
      <c r="AV1" s="53"/>
      <c r="AW1" s="53"/>
      <c r="AX1" s="53"/>
      <c r="AY1" s="53"/>
      <c r="AZ1" s="53"/>
      <c r="BA1" s="53"/>
      <c r="BB1" s="53"/>
      <c r="BC1" s="53"/>
      <c r="BD1" s="53"/>
      <c r="BE1" s="53"/>
      <c r="BF1" s="53"/>
      <c r="BG1" s="53"/>
      <c r="BH1" s="53"/>
      <c r="BI1" s="53"/>
      <c r="BJ1" s="53"/>
      <c r="BK1" s="53"/>
      <c r="BL1" s="53"/>
      <c r="BM1" s="53"/>
      <c r="BN1" s="53"/>
      <c r="BO1" s="53"/>
      <c r="BP1" s="53"/>
      <c r="BQ1" s="53"/>
      <c r="BR1" s="53"/>
      <c r="BS1" s="53"/>
      <c r="BT1" s="53"/>
      <c r="BU1" s="53"/>
      <c r="BV1" s="53"/>
      <c r="BW1" s="53"/>
      <c r="BX1" s="53"/>
      <c r="BY1" s="53"/>
      <c r="BZ1" s="53"/>
    </row>
    <row r="2" spans="1:78" s="49" customFormat="1" ht="30" x14ac:dyDescent="0.25">
      <c r="A2" s="50" t="s">
        <v>209</v>
      </c>
      <c r="B2" s="50" t="s">
        <v>209</v>
      </c>
      <c r="C2" s="51" t="s">
        <v>209</v>
      </c>
      <c r="D2" s="50" t="s">
        <v>209</v>
      </c>
      <c r="E2" s="50" t="s">
        <v>209</v>
      </c>
      <c r="F2" s="50" t="s">
        <v>209</v>
      </c>
      <c r="G2" s="50" t="s">
        <v>209</v>
      </c>
      <c r="H2" s="50" t="s">
        <v>209</v>
      </c>
      <c r="I2" s="50" t="s">
        <v>209</v>
      </c>
      <c r="J2" s="50" t="s">
        <v>209</v>
      </c>
      <c r="K2" s="50" t="s">
        <v>209</v>
      </c>
      <c r="L2" s="50" t="s">
        <v>209</v>
      </c>
      <c r="M2" s="50" t="s">
        <v>209</v>
      </c>
      <c r="N2" s="50" t="s">
        <v>209</v>
      </c>
      <c r="O2" s="50" t="s">
        <v>209</v>
      </c>
      <c r="P2" s="50" t="s">
        <v>209</v>
      </c>
      <c r="Q2" s="50" t="s">
        <v>209</v>
      </c>
      <c r="R2" s="50" t="s">
        <v>209</v>
      </c>
      <c r="S2" s="50" t="s">
        <v>209</v>
      </c>
      <c r="T2" s="50" t="s">
        <v>209</v>
      </c>
      <c r="U2" s="33"/>
      <c r="V2" s="33"/>
      <c r="W2" s="33"/>
      <c r="X2" s="33"/>
      <c r="Y2" s="33"/>
      <c r="Z2" s="33"/>
      <c r="AA2" s="33"/>
      <c r="AB2" s="33"/>
      <c r="AC2" s="33"/>
      <c r="AD2" s="33"/>
      <c r="AE2" s="33"/>
      <c r="AF2" s="33"/>
      <c r="AG2" s="33"/>
      <c r="AH2" s="33"/>
      <c r="AI2" s="33"/>
      <c r="AJ2" s="33"/>
      <c r="AK2" s="33"/>
      <c r="AL2" s="33"/>
      <c r="AM2" s="33"/>
      <c r="AN2" s="33"/>
      <c r="AO2" s="33"/>
      <c r="AP2" s="33"/>
      <c r="AQ2" s="33"/>
      <c r="AR2" s="33"/>
      <c r="AS2" s="33"/>
      <c r="AT2" s="33"/>
      <c r="AU2" s="33"/>
      <c r="AV2" s="33"/>
      <c r="AW2" s="33"/>
      <c r="AX2" s="33"/>
      <c r="AY2" s="33"/>
      <c r="AZ2" s="33"/>
      <c r="BA2" s="33"/>
      <c r="BB2" s="33"/>
      <c r="BC2" s="33"/>
      <c r="BD2" s="33"/>
      <c r="BE2" s="33"/>
      <c r="BF2" s="33"/>
      <c r="BG2" s="33"/>
      <c r="BH2" s="33"/>
      <c r="BI2" s="33"/>
      <c r="BJ2" s="33"/>
      <c r="BK2" s="33"/>
      <c r="BL2" s="33"/>
      <c r="BM2" s="33"/>
      <c r="BN2" s="33"/>
      <c r="BO2" s="33"/>
      <c r="BP2" s="33"/>
      <c r="BQ2" s="33"/>
      <c r="BR2" s="33"/>
      <c r="BS2" s="33"/>
      <c r="BT2" s="33"/>
      <c r="BU2" s="33"/>
      <c r="BV2" s="33"/>
      <c r="BW2" s="33"/>
      <c r="BX2" s="33"/>
      <c r="BY2" s="33"/>
      <c r="BZ2" s="33"/>
    </row>
    <row r="3" spans="1:78" s="39" customFormat="1" ht="25.5" x14ac:dyDescent="0.2">
      <c r="A3" s="21" t="s">
        <v>208</v>
      </c>
      <c r="B3" s="18" t="s">
        <v>9</v>
      </c>
      <c r="C3" s="43" t="s">
        <v>207</v>
      </c>
      <c r="D3" s="21" t="s">
        <v>0</v>
      </c>
      <c r="E3" s="21" t="s">
        <v>206</v>
      </c>
      <c r="F3" s="24" t="s">
        <v>205</v>
      </c>
      <c r="G3" s="21" t="s">
        <v>204</v>
      </c>
      <c r="H3" s="21" t="s">
        <v>203</v>
      </c>
      <c r="I3" s="21" t="s">
        <v>202</v>
      </c>
      <c r="J3" s="21" t="s">
        <v>201</v>
      </c>
      <c r="K3" s="18" t="s">
        <v>200</v>
      </c>
      <c r="L3" s="21" t="s">
        <v>199</v>
      </c>
      <c r="M3" s="21" t="s">
        <v>198</v>
      </c>
      <c r="N3" s="31" t="s">
        <v>197</v>
      </c>
      <c r="O3" s="21" t="s">
        <v>196</v>
      </c>
      <c r="P3" s="18" t="s">
        <v>195</v>
      </c>
      <c r="Q3" s="18" t="s">
        <v>194</v>
      </c>
      <c r="R3" s="21" t="s">
        <v>193</v>
      </c>
      <c r="S3" s="21" t="s">
        <v>192</v>
      </c>
      <c r="T3" s="45" t="s">
        <v>191</v>
      </c>
      <c r="U3" s="40"/>
      <c r="V3" s="40"/>
      <c r="W3" s="40"/>
      <c r="X3" s="40"/>
      <c r="Y3" s="40"/>
      <c r="Z3" s="40"/>
      <c r="AA3" s="40"/>
      <c r="AB3" s="40"/>
      <c r="AC3" s="40"/>
      <c r="AD3" s="40"/>
      <c r="AE3" s="40"/>
      <c r="AF3" s="40"/>
      <c r="AG3" s="40"/>
      <c r="AH3" s="40"/>
      <c r="AI3" s="40"/>
      <c r="AJ3" s="40"/>
      <c r="AK3" s="40"/>
      <c r="AL3" s="40"/>
      <c r="AM3" s="40"/>
      <c r="AN3" s="40"/>
      <c r="AO3" s="40"/>
      <c r="AP3" s="40"/>
      <c r="AQ3" s="40"/>
      <c r="AR3" s="40"/>
      <c r="AS3" s="40"/>
      <c r="AT3" s="40"/>
      <c r="AU3" s="40"/>
      <c r="AV3" s="40"/>
      <c r="AW3" s="40"/>
      <c r="AX3" s="40"/>
      <c r="AY3" s="40"/>
      <c r="AZ3" s="40"/>
      <c r="BA3" s="40"/>
      <c r="BB3" s="40"/>
      <c r="BC3" s="40"/>
      <c r="BD3" s="40"/>
      <c r="BE3" s="40"/>
      <c r="BF3" s="40"/>
      <c r="BG3" s="40"/>
      <c r="BH3" s="40"/>
      <c r="BI3" s="40"/>
      <c r="BJ3" s="40"/>
      <c r="BK3" s="40"/>
      <c r="BL3" s="40"/>
      <c r="BM3" s="40"/>
      <c r="BN3" s="40"/>
      <c r="BO3" s="40"/>
      <c r="BP3" s="40"/>
      <c r="BQ3" s="40"/>
      <c r="BR3" s="40"/>
      <c r="BS3" s="40"/>
      <c r="BT3" s="40"/>
      <c r="BU3" s="40"/>
      <c r="BV3" s="40"/>
      <c r="BW3" s="40"/>
      <c r="BX3" s="40"/>
      <c r="BY3" s="40"/>
      <c r="BZ3" s="40"/>
    </row>
    <row r="4" spans="1:78" s="39" customFormat="1" ht="25.5" x14ac:dyDescent="0.2">
      <c r="A4" s="21" t="s">
        <v>190</v>
      </c>
      <c r="B4" s="21" t="s">
        <v>189</v>
      </c>
      <c r="C4" s="43" t="s">
        <v>188</v>
      </c>
      <c r="D4" s="21" t="s">
        <v>187</v>
      </c>
      <c r="E4" s="21" t="s">
        <v>186</v>
      </c>
      <c r="F4" s="24" t="s">
        <v>185</v>
      </c>
      <c r="G4" s="21" t="s">
        <v>184</v>
      </c>
      <c r="H4" s="21" t="s">
        <v>183</v>
      </c>
      <c r="I4" s="24" t="s">
        <v>182</v>
      </c>
      <c r="J4" s="31" t="s">
        <v>8</v>
      </c>
      <c r="K4" s="18" t="s">
        <v>181</v>
      </c>
      <c r="L4" s="24" t="s">
        <v>180</v>
      </c>
      <c r="M4" s="21" t="s">
        <v>16</v>
      </c>
      <c r="N4" s="21" t="s">
        <v>179</v>
      </c>
      <c r="O4" s="18" t="s">
        <v>178</v>
      </c>
      <c r="P4" s="18" t="s">
        <v>177</v>
      </c>
      <c r="Q4" s="18" t="s">
        <v>176</v>
      </c>
      <c r="R4" s="31"/>
      <c r="S4" s="21" t="s">
        <v>175</v>
      </c>
      <c r="T4" s="45" t="s">
        <v>174</v>
      </c>
      <c r="U4" s="40"/>
      <c r="V4" s="40"/>
      <c r="W4" s="40"/>
      <c r="X4" s="40"/>
      <c r="Y4" s="40"/>
      <c r="Z4" s="40"/>
      <c r="AA4" s="40"/>
      <c r="AB4" s="40"/>
      <c r="AC4" s="40"/>
      <c r="AD4" s="40"/>
      <c r="AE4" s="40"/>
      <c r="AF4" s="40"/>
      <c r="AG4" s="40"/>
      <c r="AH4" s="40"/>
      <c r="AI4" s="40"/>
      <c r="AJ4" s="40"/>
      <c r="AK4" s="40"/>
      <c r="AL4" s="40"/>
      <c r="AM4" s="40"/>
      <c r="AN4" s="40"/>
      <c r="AO4" s="40"/>
      <c r="AP4" s="40"/>
      <c r="AQ4" s="40"/>
      <c r="AR4" s="40"/>
      <c r="AS4" s="40"/>
      <c r="AT4" s="40"/>
      <c r="AU4" s="40"/>
      <c r="AV4" s="40"/>
      <c r="AW4" s="40"/>
      <c r="AX4" s="40"/>
      <c r="AY4" s="40"/>
      <c r="AZ4" s="40"/>
      <c r="BA4" s="40"/>
      <c r="BB4" s="40"/>
      <c r="BC4" s="40"/>
      <c r="BD4" s="40"/>
      <c r="BE4" s="40"/>
      <c r="BF4" s="40"/>
      <c r="BG4" s="40"/>
      <c r="BH4" s="40"/>
      <c r="BI4" s="40"/>
      <c r="BJ4" s="40"/>
      <c r="BK4" s="40"/>
      <c r="BL4" s="40"/>
      <c r="BM4" s="40"/>
      <c r="BN4" s="40"/>
      <c r="BO4" s="40"/>
      <c r="BP4" s="40"/>
      <c r="BQ4" s="40"/>
      <c r="BR4" s="40"/>
      <c r="BS4" s="40"/>
      <c r="BT4" s="40"/>
      <c r="BU4" s="40"/>
      <c r="BV4" s="40"/>
      <c r="BW4" s="40"/>
      <c r="BX4" s="40"/>
      <c r="BY4" s="40"/>
      <c r="BZ4" s="40"/>
    </row>
    <row r="5" spans="1:78" s="39" customFormat="1" ht="36.75" customHeight="1" x14ac:dyDescent="0.2">
      <c r="A5" s="31" t="s">
        <v>173</v>
      </c>
      <c r="B5" s="21" t="s">
        <v>172</v>
      </c>
      <c r="C5" s="43" t="s">
        <v>40</v>
      </c>
      <c r="D5" s="21" t="s">
        <v>171</v>
      </c>
      <c r="E5" s="21" t="s">
        <v>170</v>
      </c>
      <c r="F5" s="21" t="s">
        <v>169</v>
      </c>
      <c r="G5" s="21" t="s">
        <v>168</v>
      </c>
      <c r="H5" s="21" t="s">
        <v>167</v>
      </c>
      <c r="I5" s="21" t="s">
        <v>166</v>
      </c>
      <c r="J5" s="21" t="s">
        <v>165</v>
      </c>
      <c r="K5" s="18" t="s">
        <v>164</v>
      </c>
      <c r="L5" s="18" t="s">
        <v>163</v>
      </c>
      <c r="M5" s="21" t="s">
        <v>17</v>
      </c>
      <c r="N5" s="24" t="s">
        <v>162</v>
      </c>
      <c r="O5" s="21" t="s">
        <v>48</v>
      </c>
      <c r="P5" s="18" t="s">
        <v>161</v>
      </c>
      <c r="Q5" s="21" t="s">
        <v>160</v>
      </c>
      <c r="R5" s="35"/>
      <c r="S5" s="21" t="s">
        <v>19</v>
      </c>
      <c r="T5" s="21" t="s">
        <v>159</v>
      </c>
      <c r="U5" s="40"/>
      <c r="V5" s="40"/>
      <c r="W5" s="40"/>
      <c r="X5" s="40"/>
      <c r="Y5" s="40"/>
      <c r="Z5" s="40"/>
      <c r="AA5" s="40"/>
      <c r="AB5" s="40"/>
      <c r="AC5" s="40"/>
      <c r="AD5" s="40"/>
      <c r="AE5" s="40"/>
      <c r="AF5" s="40"/>
      <c r="AG5" s="40"/>
      <c r="AH5" s="40"/>
      <c r="AI5" s="40"/>
      <c r="AJ5" s="40"/>
      <c r="AK5" s="40"/>
      <c r="AL5" s="40"/>
      <c r="AM5" s="40"/>
      <c r="AN5" s="40"/>
      <c r="AO5" s="40"/>
      <c r="AP5" s="40"/>
      <c r="AQ5" s="40"/>
      <c r="AR5" s="40"/>
      <c r="AS5" s="40"/>
      <c r="AT5" s="40"/>
      <c r="AU5" s="40"/>
      <c r="AV5" s="40"/>
      <c r="AW5" s="40"/>
      <c r="AX5" s="40"/>
      <c r="AY5" s="40"/>
      <c r="AZ5" s="40"/>
      <c r="BA5" s="40"/>
      <c r="BB5" s="40"/>
      <c r="BC5" s="40"/>
      <c r="BD5" s="40"/>
      <c r="BE5" s="40"/>
      <c r="BF5" s="40"/>
      <c r="BG5" s="40"/>
      <c r="BH5" s="40"/>
      <c r="BI5" s="40"/>
      <c r="BJ5" s="40"/>
      <c r="BK5" s="40"/>
      <c r="BL5" s="40"/>
      <c r="BM5" s="40"/>
      <c r="BN5" s="40"/>
      <c r="BO5" s="40"/>
      <c r="BP5" s="40"/>
      <c r="BQ5" s="40"/>
      <c r="BR5" s="40"/>
      <c r="BS5" s="40"/>
      <c r="BT5" s="40"/>
      <c r="BU5" s="40"/>
      <c r="BV5" s="40"/>
      <c r="BW5" s="40"/>
      <c r="BX5" s="40"/>
      <c r="BY5" s="40"/>
      <c r="BZ5" s="40"/>
    </row>
    <row r="6" spans="1:78" s="39" customFormat="1" ht="38.25" x14ac:dyDescent="0.2">
      <c r="A6" s="21" t="s">
        <v>158</v>
      </c>
      <c r="B6" s="21" t="s">
        <v>157</v>
      </c>
      <c r="C6" s="43" t="s">
        <v>156</v>
      </c>
      <c r="D6" s="31" t="s">
        <v>155</v>
      </c>
      <c r="E6" s="21" t="s">
        <v>154</v>
      </c>
      <c r="F6" s="21" t="s">
        <v>153</v>
      </c>
      <c r="G6" s="21" t="s">
        <v>152</v>
      </c>
      <c r="H6" s="21"/>
      <c r="I6" s="45" t="s">
        <v>28</v>
      </c>
      <c r="J6" s="21" t="s">
        <v>151</v>
      </c>
      <c r="K6" s="18" t="s">
        <v>150</v>
      </c>
      <c r="L6" s="24"/>
      <c r="M6" s="21" t="s">
        <v>149</v>
      </c>
      <c r="N6" s="21" t="s">
        <v>148</v>
      </c>
      <c r="O6" s="24"/>
      <c r="P6" s="18" t="s">
        <v>147</v>
      </c>
      <c r="Q6" s="21" t="s">
        <v>146</v>
      </c>
      <c r="R6" s="21"/>
      <c r="S6" s="21" t="s">
        <v>145</v>
      </c>
      <c r="T6" s="35" t="s">
        <v>144</v>
      </c>
      <c r="U6" s="40"/>
      <c r="V6" s="40"/>
      <c r="W6" s="40"/>
      <c r="X6" s="40"/>
      <c r="Y6" s="40"/>
      <c r="Z6" s="40"/>
      <c r="AA6" s="40"/>
      <c r="AB6" s="40"/>
      <c r="AC6" s="40"/>
      <c r="AD6" s="40"/>
      <c r="AE6" s="40"/>
      <c r="AF6" s="40"/>
      <c r="AG6" s="40"/>
      <c r="AH6" s="40"/>
      <c r="AI6" s="40"/>
      <c r="AJ6" s="40"/>
      <c r="AK6" s="40"/>
      <c r="AL6" s="40"/>
      <c r="AM6" s="40"/>
      <c r="AN6" s="40"/>
      <c r="AO6" s="40"/>
      <c r="AP6" s="40"/>
      <c r="AQ6" s="40"/>
      <c r="AR6" s="40"/>
      <c r="AS6" s="40"/>
      <c r="AT6" s="40"/>
      <c r="AU6" s="40"/>
      <c r="AV6" s="40"/>
      <c r="AW6" s="40"/>
      <c r="AX6" s="40"/>
      <c r="AY6" s="40"/>
      <c r="AZ6" s="40"/>
      <c r="BA6" s="40"/>
      <c r="BB6" s="40"/>
      <c r="BC6" s="40"/>
      <c r="BD6" s="40"/>
      <c r="BE6" s="40"/>
      <c r="BF6" s="40"/>
      <c r="BG6" s="40"/>
      <c r="BH6" s="40"/>
      <c r="BI6" s="40"/>
      <c r="BJ6" s="40"/>
      <c r="BK6" s="40"/>
      <c r="BL6" s="40"/>
      <c r="BM6" s="40"/>
      <c r="BN6" s="40"/>
      <c r="BO6" s="40"/>
      <c r="BP6" s="40"/>
      <c r="BQ6" s="40"/>
      <c r="BR6" s="40"/>
      <c r="BS6" s="40"/>
      <c r="BT6" s="40"/>
      <c r="BU6" s="40"/>
      <c r="BV6" s="40"/>
      <c r="BW6" s="40"/>
      <c r="BX6" s="40"/>
      <c r="BY6" s="40"/>
      <c r="BZ6" s="40"/>
    </row>
    <row r="7" spans="1:78" s="39" customFormat="1" ht="41.25" customHeight="1" x14ac:dyDescent="0.2">
      <c r="A7" s="24" t="s">
        <v>143</v>
      </c>
      <c r="B7" s="21" t="s">
        <v>142</v>
      </c>
      <c r="C7" s="43" t="s">
        <v>141</v>
      </c>
      <c r="D7" s="21" t="s">
        <v>24</v>
      </c>
      <c r="E7" s="18" t="s">
        <v>140</v>
      </c>
      <c r="F7" s="24" t="s">
        <v>139</v>
      </c>
      <c r="G7" s="21" t="s">
        <v>138</v>
      </c>
      <c r="H7" s="21"/>
      <c r="I7" s="45" t="s">
        <v>33</v>
      </c>
      <c r="J7" s="21" t="s">
        <v>137</v>
      </c>
      <c r="K7" s="18" t="s">
        <v>136</v>
      </c>
      <c r="L7" s="24"/>
      <c r="M7" s="48" t="s">
        <v>135</v>
      </c>
      <c r="N7" s="21" t="s">
        <v>134</v>
      </c>
      <c r="O7" s="24"/>
      <c r="P7" s="24"/>
      <c r="Q7" s="21" t="s">
        <v>133</v>
      </c>
      <c r="R7" s="21"/>
      <c r="S7" s="21" t="s">
        <v>132</v>
      </c>
      <c r="T7" s="21" t="s">
        <v>131</v>
      </c>
      <c r="U7" s="40"/>
      <c r="V7" s="40"/>
      <c r="W7" s="40"/>
      <c r="X7" s="40"/>
      <c r="Y7" s="40"/>
      <c r="Z7" s="40"/>
      <c r="AA7" s="40"/>
      <c r="AB7" s="40"/>
      <c r="AC7" s="40"/>
      <c r="AD7" s="40"/>
      <c r="AE7" s="40"/>
      <c r="AF7" s="40"/>
      <c r="AG7" s="40"/>
      <c r="AH7" s="40"/>
      <c r="AI7" s="40"/>
      <c r="AJ7" s="40"/>
      <c r="AK7" s="40"/>
      <c r="AL7" s="40"/>
      <c r="AM7" s="40"/>
      <c r="AN7" s="40"/>
      <c r="AO7" s="40"/>
      <c r="AP7" s="40"/>
      <c r="AQ7" s="40"/>
      <c r="AR7" s="40"/>
      <c r="AS7" s="40"/>
      <c r="AT7" s="40"/>
      <c r="AU7" s="40"/>
      <c r="AV7" s="40"/>
      <c r="AW7" s="40"/>
      <c r="AX7" s="40"/>
      <c r="AY7" s="40"/>
      <c r="AZ7" s="40"/>
      <c r="BA7" s="40"/>
      <c r="BB7" s="40"/>
      <c r="BC7" s="40"/>
      <c r="BD7" s="40"/>
      <c r="BE7" s="40"/>
      <c r="BF7" s="40"/>
      <c r="BG7" s="40"/>
      <c r="BH7" s="40"/>
      <c r="BI7" s="40"/>
      <c r="BJ7" s="40"/>
      <c r="BK7" s="40"/>
      <c r="BL7" s="40"/>
      <c r="BM7" s="40"/>
      <c r="BN7" s="40"/>
      <c r="BO7" s="40"/>
      <c r="BP7" s="40"/>
      <c r="BQ7" s="40"/>
      <c r="BR7" s="40"/>
      <c r="BS7" s="40"/>
      <c r="BT7" s="40"/>
      <c r="BU7" s="40"/>
      <c r="BV7" s="40"/>
      <c r="BW7" s="40"/>
      <c r="BX7" s="40"/>
      <c r="BY7" s="40"/>
      <c r="BZ7" s="40"/>
    </row>
    <row r="8" spans="1:78" s="39" customFormat="1" ht="29.25" customHeight="1" x14ac:dyDescent="0.2">
      <c r="A8" s="21" t="s">
        <v>130</v>
      </c>
      <c r="B8" s="21" t="s">
        <v>129</v>
      </c>
      <c r="C8" s="43" t="s">
        <v>128</v>
      </c>
      <c r="D8" s="21" t="s">
        <v>127</v>
      </c>
      <c r="E8" s="21" t="s">
        <v>126</v>
      </c>
      <c r="F8" s="21" t="s">
        <v>125</v>
      </c>
      <c r="G8" s="21" t="s">
        <v>124</v>
      </c>
      <c r="H8" s="21"/>
      <c r="I8" s="24" t="s">
        <v>123</v>
      </c>
      <c r="J8" s="21" t="s">
        <v>122</v>
      </c>
      <c r="K8" s="18" t="s">
        <v>121</v>
      </c>
      <c r="L8" s="24"/>
      <c r="M8" s="21" t="s">
        <v>120</v>
      </c>
      <c r="N8" s="21" t="s">
        <v>119</v>
      </c>
      <c r="O8" s="24"/>
      <c r="P8" s="24"/>
      <c r="Q8" s="21" t="s">
        <v>55</v>
      </c>
      <c r="R8" s="31"/>
      <c r="S8" s="21" t="s">
        <v>118</v>
      </c>
      <c r="T8" s="24"/>
      <c r="U8" s="40"/>
      <c r="V8" s="40"/>
      <c r="W8" s="40"/>
      <c r="X8" s="40"/>
      <c r="Y8" s="40"/>
      <c r="Z8" s="40"/>
      <c r="AA8" s="40"/>
      <c r="AB8" s="40"/>
      <c r="AC8" s="40"/>
      <c r="AD8" s="40"/>
      <c r="AE8" s="40"/>
      <c r="AF8" s="40"/>
      <c r="AG8" s="40"/>
      <c r="AH8" s="40"/>
      <c r="AI8" s="40"/>
      <c r="AJ8" s="40"/>
      <c r="AK8" s="40"/>
      <c r="AL8" s="40"/>
      <c r="AM8" s="40"/>
      <c r="AN8" s="40"/>
      <c r="AO8" s="40"/>
      <c r="AP8" s="40"/>
      <c r="AQ8" s="40"/>
      <c r="AR8" s="40"/>
      <c r="AS8" s="40"/>
      <c r="AT8" s="40"/>
      <c r="AU8" s="40"/>
      <c r="AV8" s="40"/>
      <c r="AW8" s="40"/>
      <c r="AX8" s="40"/>
      <c r="AY8" s="40"/>
      <c r="AZ8" s="40"/>
      <c r="BA8" s="40"/>
      <c r="BB8" s="40"/>
      <c r="BC8" s="40"/>
      <c r="BD8" s="40"/>
      <c r="BE8" s="40"/>
      <c r="BF8" s="40"/>
      <c r="BG8" s="40"/>
      <c r="BH8" s="40"/>
      <c r="BI8" s="40"/>
      <c r="BJ8" s="40"/>
      <c r="BK8" s="40"/>
      <c r="BL8" s="40"/>
      <c r="BM8" s="40"/>
      <c r="BN8" s="40"/>
      <c r="BO8" s="40"/>
      <c r="BP8" s="40"/>
      <c r="BQ8" s="40"/>
      <c r="BR8" s="40"/>
      <c r="BS8" s="40"/>
      <c r="BT8" s="40"/>
      <c r="BU8" s="40"/>
      <c r="BV8" s="40"/>
      <c r="BW8" s="40"/>
      <c r="BX8" s="40"/>
      <c r="BY8" s="40"/>
      <c r="BZ8" s="40"/>
    </row>
    <row r="9" spans="1:78" s="39" customFormat="1" ht="31.5" customHeight="1" x14ac:dyDescent="0.2">
      <c r="A9" s="44" t="s">
        <v>117</v>
      </c>
      <c r="B9" s="18" t="s">
        <v>13</v>
      </c>
      <c r="C9" s="47" t="s">
        <v>116</v>
      </c>
      <c r="D9" s="21" t="s">
        <v>27</v>
      </c>
      <c r="E9" s="21" t="s">
        <v>115</v>
      </c>
      <c r="F9" s="24" t="s">
        <v>114</v>
      </c>
      <c r="G9" s="24" t="s">
        <v>47</v>
      </c>
      <c r="H9" s="21"/>
      <c r="I9" s="21" t="s">
        <v>113</v>
      </c>
      <c r="J9" s="31"/>
      <c r="K9" s="18" t="s">
        <v>112</v>
      </c>
      <c r="L9" s="24"/>
      <c r="M9" s="21"/>
      <c r="N9" s="24" t="s">
        <v>111</v>
      </c>
      <c r="O9" s="43"/>
      <c r="P9" s="24"/>
      <c r="Q9" s="18" t="s">
        <v>56</v>
      </c>
      <c r="R9" s="21"/>
      <c r="S9" s="31"/>
      <c r="T9" s="21"/>
      <c r="U9" s="40"/>
      <c r="V9" s="40"/>
      <c r="W9" s="40"/>
      <c r="X9" s="40"/>
      <c r="Y9" s="40"/>
      <c r="Z9" s="40"/>
      <c r="AA9" s="40"/>
      <c r="AB9" s="40"/>
      <c r="AC9" s="40"/>
      <c r="AD9" s="40"/>
      <c r="AE9" s="40"/>
      <c r="AF9" s="40"/>
      <c r="AG9" s="40"/>
      <c r="AH9" s="40"/>
      <c r="AI9" s="40"/>
      <c r="AJ9" s="40"/>
      <c r="AK9" s="40"/>
      <c r="AL9" s="40"/>
      <c r="AM9" s="40"/>
      <c r="AN9" s="40"/>
      <c r="AO9" s="40"/>
      <c r="AP9" s="40"/>
      <c r="AQ9" s="40"/>
      <c r="AR9" s="40"/>
      <c r="AS9" s="40"/>
      <c r="AT9" s="40"/>
      <c r="AU9" s="40"/>
      <c r="AV9" s="40"/>
      <c r="AW9" s="40"/>
      <c r="AX9" s="40"/>
      <c r="AY9" s="40"/>
      <c r="AZ9" s="40"/>
      <c r="BA9" s="40"/>
      <c r="BB9" s="40"/>
      <c r="BC9" s="40"/>
      <c r="BD9" s="40"/>
      <c r="BE9" s="40"/>
      <c r="BF9" s="40"/>
      <c r="BG9" s="40"/>
      <c r="BH9" s="40"/>
      <c r="BI9" s="40"/>
      <c r="BJ9" s="40"/>
      <c r="BK9" s="40"/>
      <c r="BL9" s="40"/>
      <c r="BM9" s="40"/>
      <c r="BN9" s="40"/>
      <c r="BO9" s="40"/>
      <c r="BP9" s="40"/>
      <c r="BQ9" s="40"/>
      <c r="BR9" s="40"/>
      <c r="BS9" s="40"/>
      <c r="BT9" s="40"/>
      <c r="BU9" s="40"/>
      <c r="BV9" s="40"/>
      <c r="BW9" s="40"/>
      <c r="BX9" s="40"/>
      <c r="BY9" s="40"/>
      <c r="BZ9" s="40"/>
    </row>
    <row r="10" spans="1:78" s="39" customFormat="1" ht="31.5" customHeight="1" x14ac:dyDescent="0.2">
      <c r="A10" s="21" t="s">
        <v>110</v>
      </c>
      <c r="B10" s="21" t="s">
        <v>109</v>
      </c>
      <c r="C10" s="47"/>
      <c r="D10" s="21" t="s">
        <v>38</v>
      </c>
      <c r="E10" s="21" t="s">
        <v>108</v>
      </c>
      <c r="F10" s="21"/>
      <c r="G10" s="31"/>
      <c r="H10" s="21"/>
      <c r="I10" s="21" t="s">
        <v>107</v>
      </c>
      <c r="J10" s="21"/>
      <c r="K10" s="18" t="s">
        <v>106</v>
      </c>
      <c r="L10" s="24"/>
      <c r="M10" s="21"/>
      <c r="N10" s="24"/>
      <c r="O10" s="31"/>
      <c r="P10" s="24"/>
      <c r="Q10" s="18" t="s">
        <v>105</v>
      </c>
      <c r="R10" s="21"/>
      <c r="S10" s="21"/>
      <c r="T10" s="21"/>
      <c r="U10" s="40"/>
      <c r="V10" s="40"/>
      <c r="W10" s="40"/>
      <c r="X10" s="40"/>
      <c r="Y10" s="40"/>
      <c r="Z10" s="40"/>
      <c r="AA10" s="40"/>
      <c r="AB10" s="40"/>
      <c r="AC10" s="40"/>
      <c r="AD10" s="40"/>
      <c r="AE10" s="40"/>
      <c r="AF10" s="40"/>
      <c r="AG10" s="40"/>
      <c r="AH10" s="40"/>
      <c r="AI10" s="40"/>
      <c r="AJ10" s="40"/>
      <c r="AK10" s="40"/>
      <c r="AL10" s="40"/>
      <c r="AM10" s="40"/>
      <c r="AN10" s="40"/>
      <c r="AO10" s="40"/>
      <c r="AP10" s="40"/>
      <c r="AQ10" s="40"/>
      <c r="AR10" s="40"/>
      <c r="AS10" s="40"/>
      <c r="AT10" s="40"/>
      <c r="AU10" s="40"/>
      <c r="AV10" s="40"/>
      <c r="AW10" s="40"/>
      <c r="AX10" s="40"/>
      <c r="AY10" s="40"/>
      <c r="AZ10" s="40"/>
      <c r="BA10" s="40"/>
      <c r="BB10" s="40"/>
      <c r="BC10" s="40"/>
      <c r="BD10" s="40"/>
      <c r="BE10" s="40"/>
      <c r="BF10" s="40"/>
      <c r="BG10" s="40"/>
      <c r="BH10" s="40"/>
      <c r="BI10" s="40"/>
      <c r="BJ10" s="40"/>
      <c r="BK10" s="40"/>
      <c r="BL10" s="40"/>
      <c r="BM10" s="40"/>
      <c r="BN10" s="40"/>
      <c r="BO10" s="40"/>
      <c r="BP10" s="40"/>
      <c r="BQ10" s="40"/>
      <c r="BR10" s="40"/>
      <c r="BS10" s="40"/>
      <c r="BT10" s="40"/>
      <c r="BU10" s="40"/>
      <c r="BV10" s="40"/>
      <c r="BW10" s="40"/>
      <c r="BX10" s="40"/>
      <c r="BY10" s="40"/>
      <c r="BZ10" s="40"/>
    </row>
    <row r="11" spans="1:78" s="39" customFormat="1" ht="31.5" customHeight="1" x14ac:dyDescent="0.2">
      <c r="A11" s="44" t="s">
        <v>88</v>
      </c>
      <c r="B11" s="18" t="s">
        <v>15</v>
      </c>
      <c r="C11" s="43"/>
      <c r="D11" s="46" t="s">
        <v>104</v>
      </c>
      <c r="E11" s="21" t="s">
        <v>103</v>
      </c>
      <c r="F11" s="24"/>
      <c r="G11" s="21"/>
      <c r="H11" s="21"/>
      <c r="I11" s="24" t="s">
        <v>102</v>
      </c>
      <c r="J11" s="31"/>
      <c r="K11" s="18" t="s">
        <v>101</v>
      </c>
      <c r="L11" s="24"/>
      <c r="M11" s="21"/>
      <c r="N11" s="24"/>
      <c r="O11" s="43"/>
      <c r="P11" s="24"/>
      <c r="Q11" s="18"/>
      <c r="R11" s="21"/>
      <c r="S11" s="21"/>
      <c r="T11" s="21"/>
      <c r="U11" s="40"/>
      <c r="V11" s="40"/>
      <c r="W11" s="40"/>
      <c r="X11" s="40"/>
      <c r="Y11" s="40"/>
      <c r="Z11" s="40"/>
      <c r="AA11" s="40"/>
      <c r="AB11" s="40"/>
      <c r="AC11" s="40"/>
      <c r="AD11" s="40"/>
      <c r="AE11" s="40"/>
      <c r="AF11" s="40"/>
      <c r="AG11" s="40"/>
      <c r="AH11" s="40"/>
      <c r="AI11" s="40"/>
      <c r="AJ11" s="40"/>
      <c r="AK11" s="40"/>
      <c r="AL11" s="40"/>
      <c r="AM11" s="40"/>
      <c r="AN11" s="40"/>
      <c r="AO11" s="40"/>
      <c r="AP11" s="40"/>
      <c r="AQ11" s="40"/>
      <c r="AR11" s="40"/>
      <c r="AS11" s="40"/>
      <c r="AT11" s="40"/>
      <c r="AU11" s="40"/>
      <c r="AV11" s="40"/>
      <c r="AW11" s="40"/>
      <c r="AX11" s="40"/>
      <c r="AY11" s="40"/>
      <c r="AZ11" s="40"/>
      <c r="BA11" s="40"/>
      <c r="BB11" s="40"/>
      <c r="BC11" s="40"/>
      <c r="BD11" s="40"/>
      <c r="BE11" s="40"/>
      <c r="BF11" s="40"/>
      <c r="BG11" s="40"/>
      <c r="BH11" s="40"/>
      <c r="BI11" s="40"/>
      <c r="BJ11" s="40"/>
      <c r="BK11" s="40"/>
      <c r="BL11" s="40"/>
      <c r="BM11" s="40"/>
      <c r="BN11" s="40"/>
      <c r="BO11" s="40"/>
      <c r="BP11" s="40"/>
      <c r="BQ11" s="40"/>
      <c r="BR11" s="40"/>
      <c r="BS11" s="40"/>
      <c r="BT11" s="40"/>
      <c r="BU11" s="40"/>
      <c r="BV11" s="40"/>
      <c r="BW11" s="40"/>
      <c r="BX11" s="40"/>
      <c r="BY11" s="40"/>
      <c r="BZ11" s="40"/>
    </row>
    <row r="12" spans="1:78" s="39" customFormat="1" ht="34.5" customHeight="1" x14ac:dyDescent="0.2">
      <c r="A12" s="44" t="s">
        <v>100</v>
      </c>
      <c r="B12" s="18" t="s">
        <v>23</v>
      </c>
      <c r="C12" s="43"/>
      <c r="D12" s="24" t="s">
        <v>99</v>
      </c>
      <c r="E12" s="21" t="s">
        <v>98</v>
      </c>
      <c r="F12" s="24"/>
      <c r="G12" s="21"/>
      <c r="H12" s="21"/>
      <c r="I12" s="24" t="s">
        <v>63</v>
      </c>
      <c r="J12" s="21"/>
      <c r="K12" s="18" t="s">
        <v>97</v>
      </c>
      <c r="L12" s="24"/>
      <c r="M12" s="21"/>
      <c r="N12" s="24"/>
      <c r="O12" s="43"/>
      <c r="P12" s="24"/>
      <c r="Q12" s="18"/>
      <c r="R12" s="21"/>
      <c r="S12" s="21"/>
      <c r="T12" s="45"/>
      <c r="U12" s="40"/>
      <c r="V12" s="40"/>
      <c r="W12" s="40"/>
      <c r="X12" s="40"/>
      <c r="Y12" s="40"/>
      <c r="Z12" s="40"/>
      <c r="AA12" s="40"/>
      <c r="AB12" s="40"/>
      <c r="AC12" s="40"/>
      <c r="AD12" s="40"/>
      <c r="AE12" s="40"/>
      <c r="AF12" s="40"/>
      <c r="AG12" s="40"/>
      <c r="AH12" s="40"/>
      <c r="AI12" s="40"/>
      <c r="AJ12" s="40"/>
      <c r="AK12" s="40"/>
      <c r="AL12" s="40"/>
      <c r="AM12" s="40"/>
      <c r="AN12" s="40"/>
      <c r="AO12" s="40"/>
      <c r="AP12" s="40"/>
      <c r="AQ12" s="40"/>
      <c r="AR12" s="40"/>
      <c r="AS12" s="40"/>
      <c r="AT12" s="40"/>
      <c r="AU12" s="40"/>
      <c r="AV12" s="40"/>
      <c r="AW12" s="40"/>
      <c r="AX12" s="40"/>
      <c r="AY12" s="40"/>
      <c r="AZ12" s="40"/>
      <c r="BA12" s="40"/>
      <c r="BB12" s="40"/>
      <c r="BC12" s="40"/>
      <c r="BD12" s="40"/>
      <c r="BE12" s="40"/>
      <c r="BF12" s="40"/>
      <c r="BG12" s="40"/>
      <c r="BH12" s="40"/>
      <c r="BI12" s="40"/>
      <c r="BJ12" s="40"/>
      <c r="BK12" s="40"/>
      <c r="BL12" s="40"/>
      <c r="BM12" s="40"/>
      <c r="BN12" s="40"/>
      <c r="BO12" s="40"/>
      <c r="BP12" s="40"/>
      <c r="BQ12" s="40"/>
      <c r="BR12" s="40"/>
      <c r="BS12" s="40"/>
      <c r="BT12" s="40"/>
      <c r="BU12" s="40"/>
      <c r="BV12" s="40"/>
      <c r="BW12" s="40"/>
      <c r="BX12" s="40"/>
      <c r="BY12" s="40"/>
      <c r="BZ12" s="40"/>
    </row>
    <row r="13" spans="1:78" s="39" customFormat="1" ht="34.5" customHeight="1" x14ac:dyDescent="0.2">
      <c r="A13" s="44" t="s">
        <v>96</v>
      </c>
      <c r="B13" s="18" t="s">
        <v>25</v>
      </c>
      <c r="C13" s="43"/>
      <c r="D13" s="24"/>
      <c r="E13" s="21" t="s">
        <v>95</v>
      </c>
      <c r="F13" s="24"/>
      <c r="G13" s="21"/>
      <c r="H13" s="21"/>
      <c r="I13" s="35"/>
      <c r="J13" s="21"/>
      <c r="K13" s="31"/>
      <c r="L13" s="24"/>
      <c r="M13" s="21"/>
      <c r="N13" s="21"/>
      <c r="O13" s="43"/>
      <c r="P13" s="24"/>
      <c r="Q13" s="34"/>
      <c r="R13" s="35"/>
      <c r="S13" s="21"/>
      <c r="T13" s="21"/>
      <c r="U13" s="40"/>
      <c r="V13" s="40"/>
      <c r="W13" s="40"/>
      <c r="X13" s="40"/>
      <c r="Y13" s="40"/>
      <c r="Z13" s="40"/>
      <c r="AA13" s="40"/>
      <c r="AB13" s="40"/>
      <c r="AC13" s="40"/>
      <c r="AD13" s="40"/>
      <c r="AE13" s="40"/>
      <c r="AF13" s="40"/>
      <c r="AG13" s="40"/>
      <c r="AH13" s="40"/>
      <c r="AI13" s="40"/>
      <c r="AJ13" s="40"/>
      <c r="AK13" s="40"/>
      <c r="AL13" s="40"/>
      <c r="AM13" s="40"/>
      <c r="AN13" s="40"/>
      <c r="AO13" s="40"/>
      <c r="AP13" s="40"/>
      <c r="AQ13" s="40"/>
      <c r="AR13" s="40"/>
      <c r="AS13" s="40"/>
      <c r="AT13" s="40"/>
      <c r="AU13" s="40"/>
      <c r="AV13" s="40"/>
      <c r="AW13" s="40"/>
      <c r="AX13" s="40"/>
      <c r="AY13" s="40"/>
      <c r="AZ13" s="40"/>
      <c r="BA13" s="40"/>
      <c r="BB13" s="40"/>
      <c r="BC13" s="40"/>
      <c r="BD13" s="40"/>
      <c r="BE13" s="40"/>
      <c r="BF13" s="40"/>
      <c r="BG13" s="40"/>
      <c r="BH13" s="40"/>
      <c r="BI13" s="40"/>
      <c r="BJ13" s="40"/>
      <c r="BK13" s="40"/>
      <c r="BL13" s="40"/>
      <c r="BM13" s="40"/>
      <c r="BN13" s="40"/>
      <c r="BO13" s="40"/>
      <c r="BP13" s="40"/>
      <c r="BQ13" s="40"/>
      <c r="BR13" s="40"/>
      <c r="BS13" s="40"/>
      <c r="BT13" s="40"/>
      <c r="BU13" s="40"/>
      <c r="BV13" s="40"/>
      <c r="BW13" s="40"/>
      <c r="BX13" s="40"/>
      <c r="BY13" s="40"/>
      <c r="BZ13" s="40"/>
    </row>
    <row r="14" spans="1:78" s="39" customFormat="1" ht="34.5" customHeight="1" x14ac:dyDescent="0.25">
      <c r="A14" s="31"/>
      <c r="B14" s="18" t="s">
        <v>94</v>
      </c>
      <c r="C14" s="41"/>
      <c r="D14" s="36"/>
      <c r="E14" s="21" t="s">
        <v>93</v>
      </c>
      <c r="F14" s="24"/>
      <c r="G14" s="35"/>
      <c r="H14" s="35"/>
      <c r="I14" s="19"/>
      <c r="J14" s="21"/>
      <c r="K14" s="18"/>
      <c r="L14" s="36"/>
      <c r="M14" s="35"/>
      <c r="N14" s="42"/>
      <c r="O14" s="41"/>
      <c r="P14" s="36"/>
      <c r="Q14" s="22"/>
      <c r="R14" s="19"/>
      <c r="S14" s="35"/>
      <c r="T14" s="35"/>
      <c r="U14" s="40"/>
      <c r="V14" s="40"/>
      <c r="W14" s="40"/>
      <c r="X14" s="40"/>
      <c r="Y14" s="40"/>
      <c r="Z14" s="40"/>
      <c r="AA14" s="40"/>
      <c r="AB14" s="40"/>
      <c r="AC14" s="40"/>
      <c r="AD14" s="40"/>
      <c r="AE14" s="40"/>
      <c r="AF14" s="40"/>
      <c r="AG14" s="40"/>
      <c r="AH14" s="40"/>
      <c r="AI14" s="40"/>
      <c r="AJ14" s="40"/>
      <c r="AK14" s="40"/>
      <c r="AL14" s="40"/>
      <c r="AM14" s="40"/>
      <c r="AN14" s="40"/>
      <c r="AO14" s="40"/>
      <c r="AP14" s="40"/>
      <c r="AQ14" s="40"/>
      <c r="AR14" s="40"/>
      <c r="AS14" s="40"/>
      <c r="AT14" s="40"/>
      <c r="AU14" s="40"/>
      <c r="AV14" s="40"/>
      <c r="AW14" s="40"/>
      <c r="AX14" s="40"/>
      <c r="AY14" s="40"/>
      <c r="AZ14" s="40"/>
      <c r="BA14" s="40"/>
      <c r="BB14" s="40"/>
      <c r="BC14" s="40"/>
      <c r="BD14" s="40"/>
      <c r="BE14" s="40"/>
      <c r="BF14" s="40"/>
      <c r="BG14" s="40"/>
      <c r="BH14" s="40"/>
      <c r="BI14" s="40"/>
      <c r="BJ14" s="40"/>
      <c r="BK14" s="40"/>
      <c r="BL14" s="40"/>
      <c r="BM14" s="40"/>
      <c r="BN14" s="40"/>
      <c r="BO14" s="40"/>
      <c r="BP14" s="40"/>
      <c r="BQ14" s="40"/>
      <c r="BR14" s="40"/>
      <c r="BS14" s="40"/>
      <c r="BT14" s="40"/>
      <c r="BU14" s="40"/>
      <c r="BV14" s="40"/>
      <c r="BW14" s="40"/>
      <c r="BX14" s="40"/>
      <c r="BY14" s="40"/>
      <c r="BZ14" s="40"/>
    </row>
    <row r="15" spans="1:78" s="32" customFormat="1" ht="34.5" customHeight="1" x14ac:dyDescent="0.25">
      <c r="A15" s="38"/>
      <c r="B15" s="18" t="s">
        <v>92</v>
      </c>
      <c r="C15" s="37"/>
      <c r="D15" s="19"/>
      <c r="E15" s="21" t="s">
        <v>91</v>
      </c>
      <c r="F15" s="36"/>
      <c r="G15" s="19"/>
      <c r="H15" s="19"/>
      <c r="I15" s="27"/>
      <c r="J15" s="35"/>
      <c r="K15" s="34"/>
      <c r="L15" s="19"/>
      <c r="M15" s="19"/>
      <c r="N15" s="27"/>
      <c r="O15" s="19"/>
      <c r="P15" s="19"/>
      <c r="Q15" s="27"/>
      <c r="R15" s="27"/>
      <c r="S15" s="19"/>
      <c r="T15" s="19"/>
      <c r="U15" s="33"/>
      <c r="V15" s="33"/>
      <c r="W15" s="33"/>
      <c r="X15" s="33"/>
      <c r="Y15" s="33"/>
      <c r="Z15" s="33"/>
      <c r="AA15" s="33"/>
      <c r="AB15" s="33"/>
      <c r="AC15" s="33"/>
      <c r="AD15" s="33"/>
      <c r="AE15" s="33"/>
      <c r="AF15" s="33"/>
      <c r="AG15" s="33"/>
      <c r="AH15" s="33"/>
      <c r="AI15" s="33"/>
      <c r="AJ15" s="33"/>
      <c r="AK15" s="33"/>
      <c r="AL15" s="33"/>
      <c r="AM15" s="33"/>
      <c r="AN15" s="33"/>
      <c r="AO15" s="33"/>
      <c r="AP15" s="33"/>
      <c r="AQ15" s="33"/>
      <c r="AR15" s="33"/>
      <c r="AS15" s="33"/>
      <c r="AT15" s="33"/>
      <c r="AU15" s="33"/>
      <c r="AV15" s="33"/>
      <c r="AW15" s="33"/>
      <c r="AX15" s="33"/>
      <c r="AY15" s="33"/>
      <c r="AZ15" s="33"/>
      <c r="BA15" s="33"/>
      <c r="BB15" s="33"/>
      <c r="BC15" s="33"/>
      <c r="BD15" s="33"/>
      <c r="BE15" s="33"/>
      <c r="BF15" s="33"/>
      <c r="BG15" s="33"/>
      <c r="BH15" s="33"/>
      <c r="BI15" s="33"/>
      <c r="BJ15" s="33"/>
      <c r="BK15" s="33"/>
      <c r="BL15" s="33"/>
      <c r="BM15" s="33"/>
      <c r="BN15" s="33"/>
      <c r="BO15" s="33"/>
      <c r="BP15" s="33"/>
      <c r="BQ15" s="33"/>
      <c r="BR15" s="33"/>
      <c r="BS15" s="33"/>
      <c r="BT15" s="33"/>
      <c r="BU15" s="33"/>
      <c r="BV15" s="33"/>
      <c r="BW15" s="33"/>
      <c r="BX15" s="33"/>
      <c r="BY15" s="33"/>
      <c r="BZ15" s="33"/>
    </row>
    <row r="16" spans="1:78" s="29" customFormat="1" ht="34.5" customHeight="1" x14ac:dyDescent="0.25">
      <c r="A16" s="19"/>
      <c r="B16" s="18" t="s">
        <v>90</v>
      </c>
      <c r="C16" s="28"/>
      <c r="D16" s="27"/>
      <c r="E16" s="31" t="s">
        <v>89</v>
      </c>
      <c r="F16" s="19"/>
      <c r="G16" s="27"/>
      <c r="H16" s="27"/>
      <c r="I16" s="22"/>
      <c r="J16" s="19"/>
      <c r="K16" s="22"/>
      <c r="L16" s="27"/>
      <c r="M16" s="27"/>
      <c r="N16" s="22"/>
      <c r="O16" s="27"/>
      <c r="P16" s="27"/>
      <c r="Q16" s="22"/>
      <c r="R16" s="22"/>
      <c r="S16" s="27"/>
      <c r="T16" s="27"/>
      <c r="U16" s="30"/>
      <c r="V16" s="30"/>
      <c r="W16" s="30"/>
      <c r="X16" s="30"/>
      <c r="Y16" s="30"/>
      <c r="Z16" s="30"/>
      <c r="AA16" s="30"/>
      <c r="AB16" s="30"/>
      <c r="AC16" s="30"/>
      <c r="AD16" s="30"/>
      <c r="AE16" s="30"/>
      <c r="AF16" s="30"/>
      <c r="AG16" s="30"/>
      <c r="AH16" s="30"/>
      <c r="AI16" s="30"/>
      <c r="AJ16" s="30"/>
      <c r="AK16" s="30"/>
      <c r="AL16" s="30"/>
      <c r="AM16" s="30"/>
      <c r="AN16" s="30"/>
      <c r="AO16" s="30"/>
      <c r="AP16" s="30"/>
      <c r="AQ16" s="30"/>
      <c r="AR16" s="30"/>
      <c r="AS16" s="30"/>
      <c r="AT16" s="30"/>
      <c r="AU16" s="30"/>
      <c r="AV16" s="30"/>
      <c r="AW16" s="30"/>
      <c r="AX16" s="30"/>
      <c r="AY16" s="30"/>
      <c r="AZ16" s="30"/>
      <c r="BA16" s="30"/>
      <c r="BB16" s="30"/>
      <c r="BC16" s="30"/>
      <c r="BD16" s="30"/>
      <c r="BE16" s="30"/>
      <c r="BF16" s="30"/>
      <c r="BG16" s="30"/>
      <c r="BH16" s="30"/>
      <c r="BI16" s="30"/>
      <c r="BJ16" s="30"/>
      <c r="BK16" s="30"/>
      <c r="BL16" s="30"/>
      <c r="BM16" s="30"/>
      <c r="BN16" s="30"/>
      <c r="BO16" s="30"/>
      <c r="BP16" s="30"/>
      <c r="BQ16" s="30"/>
      <c r="BR16" s="30"/>
      <c r="BS16" s="30"/>
      <c r="BT16" s="30"/>
      <c r="BU16" s="30"/>
      <c r="BV16" s="30"/>
      <c r="BW16" s="30"/>
      <c r="BX16" s="30"/>
      <c r="BY16" s="30"/>
      <c r="BZ16" s="30"/>
    </row>
    <row r="17" spans="1:78" s="25" customFormat="1" ht="34.5" customHeight="1" x14ac:dyDescent="0.25">
      <c r="A17" s="27"/>
      <c r="B17" s="18" t="s">
        <v>88</v>
      </c>
      <c r="C17" s="28"/>
      <c r="D17" s="22"/>
      <c r="E17" s="21" t="s">
        <v>87</v>
      </c>
      <c r="F17" s="27"/>
      <c r="G17" s="22"/>
      <c r="H17" s="22"/>
      <c r="I17" s="9"/>
      <c r="J17" s="27"/>
      <c r="K17" s="27"/>
      <c r="L17" s="22"/>
      <c r="M17" s="22"/>
      <c r="N17" s="22"/>
      <c r="O17" s="22"/>
      <c r="P17" s="22"/>
      <c r="Q17" s="9"/>
      <c r="R17" s="9"/>
      <c r="S17" s="22"/>
      <c r="T17" s="22"/>
      <c r="U17" s="26"/>
      <c r="V17" s="26"/>
      <c r="W17" s="26"/>
      <c r="X17" s="26"/>
      <c r="Y17" s="26"/>
      <c r="Z17" s="26"/>
      <c r="AA17" s="26"/>
      <c r="AB17" s="26"/>
      <c r="AC17" s="26"/>
      <c r="AD17" s="26"/>
      <c r="AE17" s="26"/>
      <c r="AF17" s="26"/>
      <c r="AG17" s="26"/>
      <c r="AH17" s="26"/>
      <c r="AI17" s="26"/>
      <c r="AJ17" s="26"/>
      <c r="AK17" s="26"/>
      <c r="AL17" s="26"/>
      <c r="AM17" s="26"/>
      <c r="AN17" s="26"/>
      <c r="AO17" s="26"/>
      <c r="AP17" s="26"/>
      <c r="AQ17" s="26"/>
      <c r="AR17" s="26"/>
      <c r="AS17" s="26"/>
      <c r="AT17" s="26"/>
      <c r="AU17" s="26"/>
      <c r="AV17" s="26"/>
      <c r="AW17" s="26"/>
      <c r="AX17" s="26"/>
      <c r="AY17" s="26"/>
      <c r="AZ17" s="26"/>
      <c r="BA17" s="26"/>
      <c r="BB17" s="26"/>
      <c r="BC17" s="26"/>
      <c r="BD17" s="26"/>
      <c r="BE17" s="26"/>
      <c r="BF17" s="26"/>
      <c r="BG17" s="26"/>
      <c r="BH17" s="26"/>
      <c r="BI17" s="26"/>
      <c r="BJ17" s="26"/>
      <c r="BK17" s="26"/>
      <c r="BL17" s="26"/>
      <c r="BM17" s="26"/>
      <c r="BN17" s="26"/>
      <c r="BO17" s="26"/>
      <c r="BP17" s="26"/>
      <c r="BQ17" s="26"/>
      <c r="BR17" s="26"/>
      <c r="BS17" s="26"/>
      <c r="BT17" s="26"/>
      <c r="BU17" s="26"/>
      <c r="BV17" s="26"/>
      <c r="BW17" s="26"/>
      <c r="BX17" s="26"/>
      <c r="BY17" s="26"/>
      <c r="BZ17" s="26"/>
    </row>
    <row r="18" spans="1:78" s="3" customFormat="1" ht="34.5" customHeight="1" x14ac:dyDescent="0.25">
      <c r="A18" s="22"/>
      <c r="B18" s="24" t="s">
        <v>86</v>
      </c>
      <c r="C18" s="23"/>
      <c r="D18" s="9"/>
      <c r="E18" s="21" t="s">
        <v>85</v>
      </c>
      <c r="F18" s="22"/>
      <c r="G18" s="9"/>
      <c r="H18" s="9"/>
      <c r="I18" s="9"/>
      <c r="J18" s="22"/>
      <c r="K18" s="22"/>
      <c r="L18" s="9"/>
      <c r="M18" s="9"/>
      <c r="N18" s="9"/>
      <c r="O18" s="9"/>
      <c r="P18" s="9"/>
      <c r="Q18" s="9"/>
      <c r="R18" s="9"/>
      <c r="S18" s="9"/>
      <c r="T18" s="9"/>
      <c r="U18" s="20"/>
      <c r="V18" s="20"/>
      <c r="W18" s="20"/>
      <c r="X18" s="20"/>
      <c r="Y18" s="20"/>
      <c r="Z18" s="20"/>
      <c r="AA18" s="20"/>
      <c r="AB18" s="20"/>
      <c r="AC18" s="20"/>
      <c r="AD18" s="20"/>
      <c r="AE18" s="20"/>
      <c r="AF18" s="20"/>
      <c r="AG18" s="20"/>
      <c r="AH18" s="20"/>
      <c r="AI18" s="20"/>
      <c r="AJ18" s="20"/>
      <c r="AK18" s="20"/>
      <c r="AL18" s="20"/>
      <c r="AM18" s="20"/>
      <c r="AN18" s="20"/>
      <c r="AO18" s="20"/>
      <c r="AP18" s="20"/>
      <c r="AQ18" s="20"/>
      <c r="AR18" s="20"/>
      <c r="AS18" s="20"/>
      <c r="AT18" s="20"/>
      <c r="AU18" s="20"/>
      <c r="AV18" s="20"/>
      <c r="AW18" s="20"/>
      <c r="AX18" s="20"/>
      <c r="AY18" s="20"/>
      <c r="AZ18" s="20"/>
      <c r="BA18" s="20"/>
      <c r="BB18" s="20"/>
      <c r="BC18" s="20"/>
      <c r="BD18" s="20"/>
      <c r="BE18" s="20"/>
      <c r="BF18" s="20"/>
      <c r="BG18" s="20"/>
      <c r="BH18" s="20"/>
      <c r="BI18" s="20"/>
      <c r="BJ18" s="20"/>
      <c r="BK18" s="20"/>
      <c r="BL18" s="20"/>
      <c r="BM18" s="20"/>
      <c r="BN18" s="20"/>
      <c r="BO18" s="20"/>
      <c r="BP18" s="20"/>
      <c r="BQ18" s="20"/>
      <c r="BR18" s="20"/>
      <c r="BS18" s="20"/>
      <c r="BT18" s="20"/>
      <c r="BU18" s="20"/>
      <c r="BV18" s="20"/>
      <c r="BW18" s="20"/>
      <c r="BX18" s="20"/>
      <c r="BY18" s="20"/>
      <c r="BZ18" s="20"/>
    </row>
    <row r="19" spans="1:78" s="3" customFormat="1" ht="34.5" customHeight="1" x14ac:dyDescent="0.25">
      <c r="A19" s="9"/>
      <c r="B19" s="21" t="s">
        <v>84</v>
      </c>
      <c r="C19" s="17"/>
      <c r="D19" s="9"/>
      <c r="E19" s="9"/>
      <c r="F19" s="9"/>
      <c r="G19" s="9"/>
      <c r="H19" s="9"/>
      <c r="I19" s="6"/>
      <c r="J19" s="9"/>
      <c r="K19" s="9"/>
      <c r="L19" s="9"/>
      <c r="M19" s="9"/>
      <c r="N19" s="6"/>
      <c r="O19" s="9"/>
      <c r="P19" s="9"/>
      <c r="Q19" s="9"/>
      <c r="R19" s="6"/>
      <c r="S19" s="9"/>
      <c r="T19" s="9"/>
      <c r="U19" s="20"/>
      <c r="V19" s="20"/>
      <c r="W19" s="20"/>
      <c r="X19" s="20"/>
      <c r="Y19" s="20"/>
      <c r="Z19" s="20"/>
      <c r="AA19" s="20"/>
      <c r="AB19" s="20"/>
      <c r="AC19" s="20"/>
      <c r="AD19" s="20"/>
      <c r="AE19" s="20"/>
      <c r="AF19" s="20"/>
      <c r="AG19" s="20"/>
      <c r="AH19" s="20"/>
      <c r="AI19" s="20"/>
      <c r="AJ19" s="20"/>
      <c r="AK19" s="20"/>
      <c r="AL19" s="20"/>
      <c r="AM19" s="20"/>
      <c r="AN19" s="20"/>
      <c r="AO19" s="20"/>
      <c r="AP19" s="20"/>
      <c r="AQ19" s="20"/>
      <c r="AR19" s="20"/>
      <c r="AS19" s="20"/>
      <c r="AT19" s="20"/>
      <c r="AU19" s="20"/>
      <c r="AV19" s="20"/>
      <c r="AW19" s="20"/>
      <c r="AX19" s="20"/>
      <c r="AY19" s="20"/>
      <c r="AZ19" s="20"/>
      <c r="BA19" s="20"/>
      <c r="BB19" s="20"/>
      <c r="BC19" s="20"/>
      <c r="BD19" s="20"/>
      <c r="BE19" s="20"/>
      <c r="BF19" s="20"/>
      <c r="BG19" s="20"/>
      <c r="BH19" s="20"/>
      <c r="BI19" s="20"/>
      <c r="BJ19" s="20"/>
      <c r="BK19" s="20"/>
      <c r="BL19" s="20"/>
      <c r="BM19" s="20"/>
      <c r="BN19" s="20"/>
      <c r="BO19" s="20"/>
      <c r="BP19" s="20"/>
      <c r="BQ19" s="20"/>
      <c r="BR19" s="20"/>
      <c r="BS19" s="20"/>
      <c r="BT19" s="20"/>
      <c r="BU19" s="20"/>
      <c r="BV19" s="20"/>
      <c r="BW19" s="20"/>
      <c r="BX19" s="20"/>
      <c r="BY19" s="20"/>
      <c r="BZ19" s="20"/>
    </row>
    <row r="20" spans="1:78" ht="34.5" customHeight="1" x14ac:dyDescent="0.25">
      <c r="A20" s="9"/>
      <c r="B20" s="18" t="s">
        <v>83</v>
      </c>
      <c r="C20" s="17"/>
      <c r="D20" s="6"/>
      <c r="E20" s="19"/>
      <c r="F20" s="9"/>
      <c r="G20" s="6"/>
      <c r="H20" s="6"/>
      <c r="I20" s="6"/>
      <c r="J20" s="9"/>
      <c r="K20" s="9"/>
      <c r="L20" s="6"/>
      <c r="M20" s="6"/>
      <c r="N20" s="6"/>
      <c r="O20" s="6"/>
      <c r="P20" s="6"/>
      <c r="Q20" s="9"/>
      <c r="R20" s="6"/>
      <c r="S20" s="6"/>
      <c r="T20" s="6"/>
    </row>
    <row r="21" spans="1:78" ht="34.5" customHeight="1" x14ac:dyDescent="0.25">
      <c r="A21" s="6"/>
      <c r="B21" s="18" t="s">
        <v>57</v>
      </c>
      <c r="C21" s="17"/>
      <c r="D21" s="6"/>
      <c r="E21" s="6"/>
      <c r="F21" s="6"/>
      <c r="G21" s="6"/>
      <c r="H21" s="6"/>
      <c r="I21" s="6"/>
      <c r="J21" s="6"/>
      <c r="K21" s="9"/>
      <c r="L21" s="6"/>
      <c r="M21" s="6"/>
      <c r="N21" s="6"/>
      <c r="O21" s="6"/>
      <c r="P21" s="6"/>
      <c r="Q21" s="9"/>
      <c r="R21" s="6"/>
      <c r="S21" s="6"/>
      <c r="T21" s="6"/>
    </row>
    <row r="22" spans="1:78" ht="34.5" customHeight="1" x14ac:dyDescent="0.25">
      <c r="A22" s="6"/>
      <c r="B22" s="12" t="s">
        <v>82</v>
      </c>
      <c r="C22" s="17"/>
      <c r="D22" s="6"/>
      <c r="E22" s="6"/>
      <c r="F22" s="6"/>
      <c r="G22" s="6"/>
      <c r="H22" s="6"/>
      <c r="I22" s="13"/>
      <c r="J22" s="6"/>
      <c r="K22" s="9"/>
      <c r="L22" s="6"/>
      <c r="M22" s="6"/>
      <c r="N22" s="6"/>
      <c r="O22" s="6"/>
      <c r="P22" s="6"/>
      <c r="Q22" s="9"/>
      <c r="R22" s="6"/>
      <c r="S22" s="6"/>
      <c r="T22" s="6"/>
    </row>
    <row r="23" spans="1:78" ht="34.5" customHeight="1" x14ac:dyDescent="0.25">
      <c r="A23" s="6"/>
      <c r="B23" s="12" t="s">
        <v>81</v>
      </c>
      <c r="C23" s="16"/>
      <c r="D23" s="13"/>
      <c r="E23" s="6"/>
      <c r="F23" s="6"/>
      <c r="G23" s="13"/>
      <c r="H23" s="13"/>
      <c r="I23" s="6"/>
      <c r="J23" s="6"/>
      <c r="K23" s="9"/>
      <c r="L23" s="13"/>
      <c r="M23" s="13"/>
      <c r="N23" s="13"/>
      <c r="O23" s="13"/>
      <c r="P23" s="13"/>
      <c r="Q23" s="14"/>
      <c r="R23" s="5"/>
      <c r="S23" s="13"/>
      <c r="T23" s="13"/>
    </row>
    <row r="24" spans="1:78" ht="26.25" customHeight="1" x14ac:dyDescent="0.25">
      <c r="A24" s="13"/>
      <c r="B24" s="15" t="s">
        <v>80</v>
      </c>
      <c r="C24" s="6"/>
      <c r="D24" s="6"/>
      <c r="E24" s="6"/>
      <c r="F24" s="13"/>
      <c r="G24" s="6"/>
      <c r="H24" s="6"/>
      <c r="I24" s="6"/>
      <c r="J24" s="13"/>
      <c r="K24" s="14"/>
      <c r="L24" s="6"/>
      <c r="M24" s="6"/>
      <c r="N24" s="6"/>
      <c r="O24" s="6"/>
      <c r="P24" s="6"/>
      <c r="Q24" s="9"/>
      <c r="R24" s="6"/>
      <c r="S24" s="6"/>
      <c r="T24" s="6"/>
    </row>
    <row r="25" spans="1:78" ht="24.75" customHeight="1" x14ac:dyDescent="0.25">
      <c r="A25" s="6"/>
      <c r="B25" s="12" t="s">
        <v>79</v>
      </c>
      <c r="C25" s="6"/>
      <c r="D25" s="6"/>
      <c r="E25" s="13"/>
      <c r="F25" s="6"/>
      <c r="G25" s="6"/>
      <c r="H25" s="6"/>
      <c r="I25" s="6"/>
      <c r="J25" s="6"/>
      <c r="K25" s="9"/>
      <c r="L25" s="6"/>
      <c r="M25" s="6"/>
      <c r="N25" s="6"/>
      <c r="O25" s="6"/>
      <c r="P25" s="6"/>
      <c r="Q25" s="9"/>
      <c r="R25" s="6"/>
      <c r="S25" s="6"/>
      <c r="T25" s="6"/>
    </row>
    <row r="26" spans="1:78" ht="24.75" customHeight="1" x14ac:dyDescent="0.25">
      <c r="A26" s="6"/>
      <c r="B26" s="12" t="s">
        <v>78</v>
      </c>
      <c r="C26" s="6"/>
      <c r="D26" s="6"/>
      <c r="E26" s="6"/>
      <c r="F26" s="6"/>
      <c r="G26" s="6"/>
      <c r="H26" s="6"/>
      <c r="I26" s="6"/>
      <c r="J26" s="6"/>
      <c r="K26" s="9"/>
      <c r="L26" s="6"/>
      <c r="M26" s="6"/>
      <c r="N26" s="6"/>
      <c r="O26" s="6"/>
      <c r="P26" s="6"/>
      <c r="Q26" s="9"/>
      <c r="R26" s="6"/>
      <c r="S26" s="6"/>
      <c r="T26" s="6"/>
    </row>
    <row r="27" spans="1:78" x14ac:dyDescent="0.25">
      <c r="A27" s="6"/>
      <c r="B27" s="12" t="s">
        <v>77</v>
      </c>
      <c r="C27" s="6"/>
      <c r="D27" s="6"/>
      <c r="E27" s="6"/>
      <c r="F27" s="6"/>
      <c r="G27" s="6"/>
      <c r="H27" s="6"/>
      <c r="I27" s="5"/>
      <c r="J27" s="6"/>
      <c r="K27" s="9"/>
      <c r="L27" s="6"/>
      <c r="M27" s="6"/>
      <c r="N27" s="6"/>
      <c r="O27" s="6"/>
      <c r="P27" s="6"/>
      <c r="Q27" s="9"/>
      <c r="R27" s="6"/>
      <c r="S27" s="6"/>
      <c r="T27" s="6"/>
    </row>
    <row r="28" spans="1:78" ht="26.25" x14ac:dyDescent="0.25">
      <c r="A28" s="6"/>
      <c r="B28" s="12" t="s">
        <v>76</v>
      </c>
      <c r="D28" s="2"/>
      <c r="E28" s="6"/>
      <c r="F28" s="6"/>
      <c r="G28" s="5"/>
      <c r="H28" s="5"/>
      <c r="I28" s="2"/>
      <c r="J28" s="5"/>
      <c r="K28" s="8"/>
      <c r="L28" s="2"/>
      <c r="M28" s="2"/>
      <c r="N28" s="2"/>
      <c r="O28" s="2"/>
      <c r="P28" s="2"/>
      <c r="Q28" s="4"/>
      <c r="R28" s="2"/>
      <c r="S28" s="2"/>
    </row>
    <row r="29" spans="1:78" x14ac:dyDescent="0.25">
      <c r="B29" s="11"/>
      <c r="D29" s="2"/>
      <c r="E29" s="5"/>
      <c r="F29" s="5"/>
      <c r="G29" s="2"/>
      <c r="H29" s="2"/>
      <c r="I29" s="2"/>
      <c r="J29" s="2"/>
      <c r="K29" s="4"/>
      <c r="L29" s="2"/>
      <c r="M29" s="2"/>
      <c r="N29" s="2"/>
      <c r="O29" s="2"/>
      <c r="P29" s="2"/>
      <c r="Q29" s="4"/>
      <c r="R29" s="2"/>
      <c r="S29" s="2"/>
    </row>
    <row r="30" spans="1:78" x14ac:dyDescent="0.25">
      <c r="B30" s="11"/>
      <c r="D30" s="2"/>
      <c r="F30" s="2"/>
      <c r="G30" s="2"/>
      <c r="H30" s="2"/>
      <c r="I30" s="2"/>
      <c r="J30" s="2"/>
      <c r="K30" s="4"/>
      <c r="L30" s="2"/>
      <c r="M30" s="2"/>
      <c r="N30" s="2"/>
      <c r="O30" s="2"/>
      <c r="P30" s="2"/>
      <c r="Q30" s="4"/>
      <c r="R30" s="2"/>
      <c r="S30" s="2"/>
    </row>
    <row r="31" spans="1:78" x14ac:dyDescent="0.25">
      <c r="B31" s="11"/>
      <c r="D31" s="2"/>
      <c r="F31" s="2"/>
      <c r="G31" s="2"/>
      <c r="H31" s="2"/>
      <c r="I31" s="2"/>
      <c r="J31" s="2"/>
      <c r="K31" s="4"/>
      <c r="L31" s="2"/>
      <c r="M31" s="2"/>
      <c r="N31" s="2"/>
      <c r="O31" s="2"/>
      <c r="P31" s="2"/>
      <c r="Q31" s="4"/>
      <c r="R31" s="2"/>
      <c r="S31" s="2"/>
    </row>
    <row r="32" spans="1:78" x14ac:dyDescent="0.25">
      <c r="A32" s="10" t="s">
        <v>75</v>
      </c>
      <c r="B32" s="11"/>
      <c r="D32" s="2"/>
      <c r="F32" s="2"/>
      <c r="G32" s="2"/>
      <c r="H32" s="2"/>
      <c r="I32" s="2"/>
      <c r="J32" s="2"/>
      <c r="K32" s="4"/>
      <c r="L32" s="2"/>
      <c r="M32" s="2"/>
      <c r="N32" s="2"/>
      <c r="O32" s="2"/>
      <c r="P32" s="2"/>
      <c r="Q32" s="4"/>
      <c r="R32" s="2"/>
      <c r="S32" s="2"/>
    </row>
    <row r="33" spans="1:20" ht="75" x14ac:dyDescent="0.25">
      <c r="A33" s="10" t="s">
        <v>74</v>
      </c>
      <c r="D33" s="2"/>
      <c r="F33" s="2"/>
      <c r="G33" s="2"/>
      <c r="H33" s="2"/>
      <c r="I33" s="2"/>
      <c r="J33" s="2"/>
      <c r="K33" s="4"/>
      <c r="L33" s="2"/>
      <c r="M33" s="2"/>
      <c r="N33" s="2"/>
      <c r="O33" s="2"/>
      <c r="P33" s="2"/>
      <c r="Q33" s="4"/>
      <c r="R33" s="2"/>
      <c r="S33" s="2"/>
    </row>
    <row r="34" spans="1:20" ht="30" x14ac:dyDescent="0.25">
      <c r="A34" s="9" t="s">
        <v>73</v>
      </c>
      <c r="B34" s="8"/>
      <c r="D34" s="2"/>
      <c r="F34" s="2"/>
      <c r="G34" s="2"/>
      <c r="H34" s="2"/>
      <c r="I34" s="2"/>
      <c r="J34" s="2"/>
      <c r="K34" s="4"/>
      <c r="L34" s="2"/>
      <c r="M34" s="2"/>
      <c r="N34" s="2"/>
      <c r="O34" s="2"/>
      <c r="P34" s="2"/>
      <c r="Q34" s="4"/>
      <c r="R34" s="2"/>
      <c r="S34" s="2"/>
    </row>
    <row r="35" spans="1:20" x14ac:dyDescent="0.25">
      <c r="A35" s="6" t="s">
        <v>72</v>
      </c>
      <c r="D35" s="2"/>
      <c r="F35" s="2"/>
      <c r="G35" s="2"/>
      <c r="H35" s="2"/>
      <c r="J35" s="2"/>
      <c r="K35" s="4"/>
      <c r="L35" s="2"/>
      <c r="M35" s="2"/>
      <c r="N35" s="2"/>
      <c r="O35" s="2"/>
      <c r="P35" s="2"/>
      <c r="Q35" s="4"/>
      <c r="R35" s="2"/>
      <c r="S35" s="2"/>
    </row>
    <row r="36" spans="1:20" x14ac:dyDescent="0.25">
      <c r="A36" s="6" t="s">
        <v>71</v>
      </c>
      <c r="F36" s="2"/>
    </row>
    <row r="37" spans="1:20" x14ac:dyDescent="0.25">
      <c r="A37" s="6" t="s">
        <v>70</v>
      </c>
    </row>
    <row r="38" spans="1:20" x14ac:dyDescent="0.25">
      <c r="A38" s="6" t="s">
        <v>69</v>
      </c>
    </row>
    <row r="39" spans="1:20" x14ac:dyDescent="0.25">
      <c r="A39" s="6" t="s">
        <v>68</v>
      </c>
    </row>
    <row r="40" spans="1:20" x14ac:dyDescent="0.25">
      <c r="A40" s="6" t="s">
        <v>67</v>
      </c>
    </row>
    <row r="41" spans="1:20" x14ac:dyDescent="0.25">
      <c r="A41" s="6" t="s">
        <v>66</v>
      </c>
      <c r="E41" s="7"/>
    </row>
    <row r="42" spans="1:20" x14ac:dyDescent="0.25">
      <c r="A42" s="6" t="s">
        <v>65</v>
      </c>
    </row>
    <row r="43" spans="1:20" x14ac:dyDescent="0.25">
      <c r="A43" s="6" t="s">
        <v>64</v>
      </c>
      <c r="I43" s="3"/>
    </row>
    <row r="44" spans="1:20" x14ac:dyDescent="0.25">
      <c r="A44" s="5"/>
      <c r="T44" s="4"/>
    </row>
  </sheetData>
  <pageMargins left="0.7" right="0.7" top="0.75" bottom="0.75" header="0.3" footer="0.3"/>
  <pageSetup paperSize="9" fitToWidth="0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209"/>
  <sheetViews>
    <sheetView topLeftCell="A124" workbookViewId="0"/>
  </sheetViews>
  <sheetFormatPr defaultRowHeight="15" x14ac:dyDescent="0.25"/>
  <cols>
    <col min="1" max="1" width="48.5703125" style="3" customWidth="1"/>
    <col min="2" max="2" width="21.42578125" customWidth="1"/>
  </cols>
  <sheetData>
    <row r="1" spans="1:2" ht="60" x14ac:dyDescent="0.25">
      <c r="A1" s="68" t="s">
        <v>640</v>
      </c>
      <c r="B1" s="69" t="s">
        <v>560</v>
      </c>
    </row>
    <row r="2" spans="1:2" x14ac:dyDescent="0.25">
      <c r="A2" s="3" t="s">
        <v>331</v>
      </c>
    </row>
    <row r="3" spans="1:2" x14ac:dyDescent="0.25">
      <c r="A3" s="3" t="s">
        <v>332</v>
      </c>
    </row>
    <row r="4" spans="1:2" ht="45" x14ac:dyDescent="0.25">
      <c r="A4" s="3" t="s">
        <v>333</v>
      </c>
    </row>
    <row r="5" spans="1:2" ht="45" x14ac:dyDescent="0.25">
      <c r="A5" s="3" t="s">
        <v>334</v>
      </c>
    </row>
    <row r="6" spans="1:2" x14ac:dyDescent="0.25">
      <c r="A6" s="3" t="s">
        <v>208</v>
      </c>
    </row>
    <row r="7" spans="1:2" x14ac:dyDescent="0.25">
      <c r="A7" s="3" t="s">
        <v>335</v>
      </c>
    </row>
    <row r="8" spans="1:2" x14ac:dyDescent="0.25">
      <c r="A8" s="3" t="s">
        <v>336</v>
      </c>
    </row>
    <row r="9" spans="1:2" x14ac:dyDescent="0.25">
      <c r="A9" s="3" t="s">
        <v>337</v>
      </c>
    </row>
    <row r="10" spans="1:2" x14ac:dyDescent="0.25">
      <c r="A10" s="3" t="s">
        <v>338</v>
      </c>
    </row>
    <row r="11" spans="1:2" x14ac:dyDescent="0.25">
      <c r="A11" s="3" t="s">
        <v>339</v>
      </c>
    </row>
    <row r="12" spans="1:2" x14ac:dyDescent="0.25">
      <c r="A12" s="3" t="s">
        <v>340</v>
      </c>
    </row>
    <row r="13" spans="1:2" x14ac:dyDescent="0.25">
      <c r="A13" s="3" t="s">
        <v>341</v>
      </c>
    </row>
    <row r="14" spans="1:2" x14ac:dyDescent="0.25">
      <c r="A14" s="3" t="s">
        <v>342</v>
      </c>
    </row>
    <row r="15" spans="1:2" x14ac:dyDescent="0.25">
      <c r="A15" s="3" t="s">
        <v>343</v>
      </c>
    </row>
    <row r="16" spans="1:2" x14ac:dyDescent="0.25">
      <c r="A16" s="3" t="s">
        <v>344</v>
      </c>
    </row>
    <row r="17" spans="1:1" x14ac:dyDescent="0.25">
      <c r="A17" s="3" t="s">
        <v>345</v>
      </c>
    </row>
    <row r="18" spans="1:1" x14ac:dyDescent="0.25">
      <c r="A18" s="3" t="s">
        <v>346</v>
      </c>
    </row>
    <row r="19" spans="1:1" x14ac:dyDescent="0.25">
      <c r="A19" s="3" t="s">
        <v>347</v>
      </c>
    </row>
    <row r="20" spans="1:1" x14ac:dyDescent="0.25">
      <c r="A20" s="3" t="s">
        <v>348</v>
      </c>
    </row>
    <row r="21" spans="1:1" x14ac:dyDescent="0.25">
      <c r="A21" s="3" t="s">
        <v>349</v>
      </c>
    </row>
    <row r="22" spans="1:1" x14ac:dyDescent="0.25">
      <c r="A22" s="3" t="s">
        <v>350</v>
      </c>
    </row>
    <row r="23" spans="1:1" x14ac:dyDescent="0.25">
      <c r="A23" s="3" t="s">
        <v>351</v>
      </c>
    </row>
    <row r="24" spans="1:1" x14ac:dyDescent="0.25">
      <c r="A24" s="3" t="s">
        <v>352</v>
      </c>
    </row>
    <row r="25" spans="1:1" x14ac:dyDescent="0.25">
      <c r="A25" s="3" t="s">
        <v>353</v>
      </c>
    </row>
    <row r="26" spans="1:1" x14ac:dyDescent="0.25">
      <c r="A26" s="3" t="s">
        <v>354</v>
      </c>
    </row>
    <row r="27" spans="1:1" x14ac:dyDescent="0.25">
      <c r="A27" s="3" t="s">
        <v>355</v>
      </c>
    </row>
    <row r="28" spans="1:1" x14ac:dyDescent="0.25">
      <c r="A28" s="3" t="s">
        <v>356</v>
      </c>
    </row>
    <row r="29" spans="1:1" x14ac:dyDescent="0.25">
      <c r="A29" s="3" t="s">
        <v>357</v>
      </c>
    </row>
    <row r="30" spans="1:1" x14ac:dyDescent="0.25">
      <c r="A30" s="3" t="s">
        <v>303</v>
      </c>
    </row>
    <row r="31" spans="1:1" x14ac:dyDescent="0.25">
      <c r="A31" s="3" t="s">
        <v>358</v>
      </c>
    </row>
    <row r="32" spans="1:1" x14ac:dyDescent="0.25">
      <c r="A32" s="3" t="s">
        <v>359</v>
      </c>
    </row>
    <row r="33" spans="1:1" x14ac:dyDescent="0.25">
      <c r="A33" s="3" t="s">
        <v>173</v>
      </c>
    </row>
    <row r="34" spans="1:1" x14ac:dyDescent="0.25">
      <c r="A34" s="3" t="s">
        <v>360</v>
      </c>
    </row>
    <row r="35" spans="1:1" x14ac:dyDescent="0.25">
      <c r="A35" s="3" t="s">
        <v>361</v>
      </c>
    </row>
    <row r="36" spans="1:1" x14ac:dyDescent="0.25">
      <c r="A36" s="3" t="s">
        <v>362</v>
      </c>
    </row>
    <row r="37" spans="1:1" x14ac:dyDescent="0.25">
      <c r="A37" s="3" t="s">
        <v>363</v>
      </c>
    </row>
    <row r="38" spans="1:1" x14ac:dyDescent="0.25">
      <c r="A38" s="3" t="s">
        <v>364</v>
      </c>
    </row>
    <row r="39" spans="1:1" x14ac:dyDescent="0.25">
      <c r="A39" s="3" t="s">
        <v>365</v>
      </c>
    </row>
    <row r="40" spans="1:1" x14ac:dyDescent="0.25">
      <c r="A40" s="3" t="s">
        <v>366</v>
      </c>
    </row>
    <row r="41" spans="1:1" x14ac:dyDescent="0.25">
      <c r="A41" s="3" t="s">
        <v>367</v>
      </c>
    </row>
    <row r="42" spans="1:1" x14ac:dyDescent="0.25">
      <c r="A42" s="3" t="s">
        <v>188</v>
      </c>
    </row>
    <row r="43" spans="1:1" x14ac:dyDescent="0.25">
      <c r="A43" s="3" t="s">
        <v>368</v>
      </c>
    </row>
    <row r="44" spans="1:1" x14ac:dyDescent="0.25">
      <c r="A44" s="3" t="s">
        <v>369</v>
      </c>
    </row>
    <row r="45" spans="1:1" x14ac:dyDescent="0.25">
      <c r="A45" s="3" t="s">
        <v>370</v>
      </c>
    </row>
    <row r="46" spans="1:1" x14ac:dyDescent="0.25">
      <c r="A46" s="3" t="s">
        <v>371</v>
      </c>
    </row>
    <row r="47" spans="1:1" x14ac:dyDescent="0.25">
      <c r="A47" s="3" t="s">
        <v>372</v>
      </c>
    </row>
    <row r="48" spans="1:1" x14ac:dyDescent="0.25">
      <c r="A48" s="3" t="s">
        <v>373</v>
      </c>
    </row>
    <row r="49" spans="1:1" x14ac:dyDescent="0.25">
      <c r="A49" s="3" t="s">
        <v>374</v>
      </c>
    </row>
    <row r="50" spans="1:1" x14ac:dyDescent="0.25">
      <c r="A50" s="3" t="s">
        <v>375</v>
      </c>
    </row>
    <row r="51" spans="1:1" x14ac:dyDescent="0.25">
      <c r="A51" s="3" t="s">
        <v>376</v>
      </c>
    </row>
    <row r="52" spans="1:1" x14ac:dyDescent="0.25">
      <c r="A52" s="3" t="s">
        <v>377</v>
      </c>
    </row>
    <row r="53" spans="1:1" x14ac:dyDescent="0.25">
      <c r="A53" s="3" t="s">
        <v>378</v>
      </c>
    </row>
    <row r="54" spans="1:1" x14ac:dyDescent="0.25">
      <c r="A54" s="3" t="s">
        <v>379</v>
      </c>
    </row>
    <row r="55" spans="1:1" x14ac:dyDescent="0.25">
      <c r="A55" s="3" t="s">
        <v>380</v>
      </c>
    </row>
    <row r="56" spans="1:1" x14ac:dyDescent="0.25">
      <c r="A56" s="3" t="s">
        <v>381</v>
      </c>
    </row>
    <row r="57" spans="1:1" x14ac:dyDescent="0.25">
      <c r="A57" s="3" t="s">
        <v>382</v>
      </c>
    </row>
    <row r="58" spans="1:1" x14ac:dyDescent="0.25">
      <c r="A58" s="3" t="s">
        <v>383</v>
      </c>
    </row>
    <row r="59" spans="1:1" ht="30" x14ac:dyDescent="0.25">
      <c r="A59" s="3" t="s">
        <v>384</v>
      </c>
    </row>
    <row r="60" spans="1:1" x14ac:dyDescent="0.25">
      <c r="A60" s="3" t="s">
        <v>385</v>
      </c>
    </row>
    <row r="61" spans="1:1" ht="30" x14ac:dyDescent="0.25">
      <c r="A61" s="3" t="s">
        <v>386</v>
      </c>
    </row>
    <row r="62" spans="1:1" ht="30" x14ac:dyDescent="0.25">
      <c r="A62" s="3" t="s">
        <v>387</v>
      </c>
    </row>
    <row r="63" spans="1:1" x14ac:dyDescent="0.25">
      <c r="A63" s="3" t="s">
        <v>388</v>
      </c>
    </row>
    <row r="64" spans="1:1" x14ac:dyDescent="0.25">
      <c r="A64" s="3" t="s">
        <v>389</v>
      </c>
    </row>
    <row r="65" spans="1:1" x14ac:dyDescent="0.25">
      <c r="A65" s="3" t="s">
        <v>390</v>
      </c>
    </row>
    <row r="66" spans="1:1" x14ac:dyDescent="0.25">
      <c r="A66" s="3" t="s">
        <v>9</v>
      </c>
    </row>
    <row r="67" spans="1:1" x14ac:dyDescent="0.25">
      <c r="A67" s="3" t="s">
        <v>155</v>
      </c>
    </row>
    <row r="68" spans="1:1" x14ac:dyDescent="0.25">
      <c r="A68" s="3" t="s">
        <v>391</v>
      </c>
    </row>
    <row r="69" spans="1:1" x14ac:dyDescent="0.25">
      <c r="A69" s="3" t="s">
        <v>392</v>
      </c>
    </row>
    <row r="70" spans="1:1" x14ac:dyDescent="0.25">
      <c r="A70" s="3" t="s">
        <v>189</v>
      </c>
    </row>
    <row r="71" spans="1:1" x14ac:dyDescent="0.25">
      <c r="A71" s="3" t="s">
        <v>393</v>
      </c>
    </row>
    <row r="72" spans="1:1" x14ac:dyDescent="0.25">
      <c r="A72" s="3" t="s">
        <v>264</v>
      </c>
    </row>
    <row r="73" spans="1:1" x14ac:dyDescent="0.25">
      <c r="A73" s="3" t="s">
        <v>129</v>
      </c>
    </row>
    <row r="74" spans="1:1" x14ac:dyDescent="0.25">
      <c r="A74" s="3" t="s">
        <v>394</v>
      </c>
    </row>
    <row r="75" spans="1:1" x14ac:dyDescent="0.25">
      <c r="A75" s="3" t="s">
        <v>13</v>
      </c>
    </row>
    <row r="76" spans="1:1" x14ac:dyDescent="0.25">
      <c r="A76" s="3" t="s">
        <v>109</v>
      </c>
    </row>
    <row r="77" spans="1:1" x14ac:dyDescent="0.25">
      <c r="A77" s="3" t="s">
        <v>395</v>
      </c>
    </row>
    <row r="78" spans="1:1" x14ac:dyDescent="0.25">
      <c r="A78" s="3" t="s">
        <v>396</v>
      </c>
    </row>
    <row r="79" spans="1:1" x14ac:dyDescent="0.25">
      <c r="A79" s="3" t="s">
        <v>397</v>
      </c>
    </row>
    <row r="80" spans="1:1" x14ac:dyDescent="0.25">
      <c r="A80" s="3" t="s">
        <v>398</v>
      </c>
    </row>
    <row r="81" spans="1:1" x14ac:dyDescent="0.25">
      <c r="A81" s="3" t="s">
        <v>399</v>
      </c>
    </row>
    <row r="82" spans="1:1" x14ac:dyDescent="0.25">
      <c r="A82" s="3" t="s">
        <v>400</v>
      </c>
    </row>
    <row r="83" spans="1:1" x14ac:dyDescent="0.25">
      <c r="A83" s="3" t="s">
        <v>401</v>
      </c>
    </row>
    <row r="84" spans="1:1" x14ac:dyDescent="0.25">
      <c r="A84" s="3" t="s">
        <v>402</v>
      </c>
    </row>
    <row r="85" spans="1:1" x14ac:dyDescent="0.25">
      <c r="A85" s="3" t="s">
        <v>403</v>
      </c>
    </row>
    <row r="86" spans="1:1" x14ac:dyDescent="0.25">
      <c r="A86" s="3" t="s">
        <v>404</v>
      </c>
    </row>
    <row r="87" spans="1:1" x14ac:dyDescent="0.25">
      <c r="A87" s="3" t="s">
        <v>405</v>
      </c>
    </row>
    <row r="88" spans="1:1" x14ac:dyDescent="0.25">
      <c r="A88" s="3" t="s">
        <v>406</v>
      </c>
    </row>
    <row r="89" spans="1:1" x14ac:dyDescent="0.25">
      <c r="A89" s="3" t="s">
        <v>407</v>
      </c>
    </row>
    <row r="90" spans="1:1" x14ac:dyDescent="0.25">
      <c r="A90" s="3" t="s">
        <v>408</v>
      </c>
    </row>
    <row r="91" spans="1:1" x14ac:dyDescent="0.25">
      <c r="A91" s="3" t="s">
        <v>409</v>
      </c>
    </row>
    <row r="92" spans="1:1" x14ac:dyDescent="0.25">
      <c r="A92" s="3" t="s">
        <v>410</v>
      </c>
    </row>
    <row r="93" spans="1:1" ht="30" x14ac:dyDescent="0.25">
      <c r="A93" s="3" t="s">
        <v>411</v>
      </c>
    </row>
    <row r="94" spans="1:1" x14ac:dyDescent="0.25">
      <c r="A94" s="3" t="s">
        <v>412</v>
      </c>
    </row>
    <row r="95" spans="1:1" x14ac:dyDescent="0.25">
      <c r="A95" s="3" t="s">
        <v>413</v>
      </c>
    </row>
    <row r="96" spans="1:1" x14ac:dyDescent="0.25">
      <c r="A96" s="3" t="s">
        <v>414</v>
      </c>
    </row>
    <row r="97" spans="1:1" x14ac:dyDescent="0.25">
      <c r="A97" s="3" t="s">
        <v>415</v>
      </c>
    </row>
    <row r="98" spans="1:1" x14ac:dyDescent="0.25">
      <c r="A98" s="3" t="s">
        <v>416</v>
      </c>
    </row>
    <row r="99" spans="1:1" x14ac:dyDescent="0.25">
      <c r="A99" s="3" t="s">
        <v>417</v>
      </c>
    </row>
    <row r="100" spans="1:1" x14ac:dyDescent="0.25">
      <c r="A100" s="3" t="s">
        <v>25</v>
      </c>
    </row>
    <row r="101" spans="1:1" x14ac:dyDescent="0.25">
      <c r="A101" s="3" t="s">
        <v>418</v>
      </c>
    </row>
    <row r="102" spans="1:1" x14ac:dyDescent="0.25">
      <c r="A102" s="3" t="s">
        <v>419</v>
      </c>
    </row>
    <row r="103" spans="1:1" x14ac:dyDescent="0.25">
      <c r="A103" s="3" t="s">
        <v>420</v>
      </c>
    </row>
    <row r="104" spans="1:1" x14ac:dyDescent="0.25">
      <c r="A104" s="3" t="s">
        <v>421</v>
      </c>
    </row>
    <row r="105" spans="1:1" x14ac:dyDescent="0.25">
      <c r="A105" s="3" t="s">
        <v>422</v>
      </c>
    </row>
    <row r="106" spans="1:1" ht="30" x14ac:dyDescent="0.25">
      <c r="A106" s="3" t="s">
        <v>423</v>
      </c>
    </row>
    <row r="107" spans="1:1" x14ac:dyDescent="0.25">
      <c r="A107" s="3" t="s">
        <v>424</v>
      </c>
    </row>
    <row r="108" spans="1:1" x14ac:dyDescent="0.25">
      <c r="A108" s="3" t="s">
        <v>425</v>
      </c>
    </row>
    <row r="109" spans="1:1" x14ac:dyDescent="0.25">
      <c r="A109" s="3" t="s">
        <v>426</v>
      </c>
    </row>
    <row r="110" spans="1:1" x14ac:dyDescent="0.25">
      <c r="A110" s="3" t="s">
        <v>427</v>
      </c>
    </row>
    <row r="111" spans="1:1" x14ac:dyDescent="0.25">
      <c r="A111" s="3" t="s">
        <v>117</v>
      </c>
    </row>
    <row r="112" spans="1:1" x14ac:dyDescent="0.25">
      <c r="A112" s="3" t="s">
        <v>428</v>
      </c>
    </row>
    <row r="113" spans="1:1" x14ac:dyDescent="0.25">
      <c r="A113" s="3" t="s">
        <v>429</v>
      </c>
    </row>
    <row r="114" spans="1:1" x14ac:dyDescent="0.25">
      <c r="A114" s="3" t="s">
        <v>94</v>
      </c>
    </row>
    <row r="115" spans="1:1" x14ac:dyDescent="0.25">
      <c r="A115" s="3" t="s">
        <v>430</v>
      </c>
    </row>
    <row r="116" spans="1:1" x14ac:dyDescent="0.25">
      <c r="A116" s="3" t="s">
        <v>431</v>
      </c>
    </row>
    <row r="117" spans="1:1" x14ac:dyDescent="0.25">
      <c r="A117" s="3" t="s">
        <v>432</v>
      </c>
    </row>
    <row r="118" spans="1:1" x14ac:dyDescent="0.25">
      <c r="A118" s="3" t="s">
        <v>433</v>
      </c>
    </row>
    <row r="119" spans="1:1" x14ac:dyDescent="0.25">
      <c r="A119" s="3" t="s">
        <v>434</v>
      </c>
    </row>
    <row r="120" spans="1:1" x14ac:dyDescent="0.25">
      <c r="A120" s="3" t="s">
        <v>435</v>
      </c>
    </row>
    <row r="121" spans="1:1" x14ac:dyDescent="0.25">
      <c r="A121" s="3" t="s">
        <v>436</v>
      </c>
    </row>
    <row r="122" spans="1:1" x14ac:dyDescent="0.25">
      <c r="A122" s="3" t="s">
        <v>437</v>
      </c>
    </row>
    <row r="123" spans="1:1" x14ac:dyDescent="0.25">
      <c r="A123" s="3" t="s">
        <v>438</v>
      </c>
    </row>
    <row r="124" spans="1:1" x14ac:dyDescent="0.25">
      <c r="A124" s="3" t="s">
        <v>439</v>
      </c>
    </row>
    <row r="125" spans="1:1" x14ac:dyDescent="0.25">
      <c r="A125" s="3" t="s">
        <v>440</v>
      </c>
    </row>
    <row r="126" spans="1:1" x14ac:dyDescent="0.25">
      <c r="A126" s="3" t="s">
        <v>441</v>
      </c>
    </row>
    <row r="127" spans="1:1" x14ac:dyDescent="0.25">
      <c r="A127" s="3" t="s">
        <v>442</v>
      </c>
    </row>
    <row r="128" spans="1:1" x14ac:dyDescent="0.25">
      <c r="A128" s="3" t="s">
        <v>443</v>
      </c>
    </row>
    <row r="129" spans="1:1" x14ac:dyDescent="0.25">
      <c r="A129" s="3" t="s">
        <v>444</v>
      </c>
    </row>
    <row r="130" spans="1:1" x14ac:dyDescent="0.25">
      <c r="A130" s="3" t="s">
        <v>445</v>
      </c>
    </row>
    <row r="131" spans="1:1" x14ac:dyDescent="0.25">
      <c r="A131" s="3" t="s">
        <v>446</v>
      </c>
    </row>
    <row r="132" spans="1:1" x14ac:dyDescent="0.25">
      <c r="A132" s="3" t="s">
        <v>447</v>
      </c>
    </row>
    <row r="133" spans="1:1" x14ac:dyDescent="0.25">
      <c r="A133" s="3" t="s">
        <v>448</v>
      </c>
    </row>
    <row r="134" spans="1:1" x14ac:dyDescent="0.25">
      <c r="A134" s="3" t="s">
        <v>449</v>
      </c>
    </row>
    <row r="135" spans="1:1" x14ac:dyDescent="0.25">
      <c r="A135" s="3" t="s">
        <v>450</v>
      </c>
    </row>
    <row r="136" spans="1:1" x14ac:dyDescent="0.25">
      <c r="A136" s="3" t="s">
        <v>451</v>
      </c>
    </row>
    <row r="137" spans="1:1" x14ac:dyDescent="0.25">
      <c r="A137" s="3" t="s">
        <v>100</v>
      </c>
    </row>
    <row r="138" spans="1:1" x14ac:dyDescent="0.25">
      <c r="A138" s="3" t="s">
        <v>452</v>
      </c>
    </row>
    <row r="139" spans="1:1" x14ac:dyDescent="0.25">
      <c r="A139" s="3" t="s">
        <v>453</v>
      </c>
    </row>
    <row r="140" spans="1:1" x14ac:dyDescent="0.25">
      <c r="A140" s="3" t="s">
        <v>454</v>
      </c>
    </row>
    <row r="141" spans="1:1" x14ac:dyDescent="0.25">
      <c r="A141" s="3" t="s">
        <v>455</v>
      </c>
    </row>
    <row r="142" spans="1:1" x14ac:dyDescent="0.25">
      <c r="A142" s="3" t="s">
        <v>456</v>
      </c>
    </row>
    <row r="143" spans="1:1" x14ac:dyDescent="0.25">
      <c r="A143" s="3" t="s">
        <v>457</v>
      </c>
    </row>
    <row r="144" spans="1:1" x14ac:dyDescent="0.25">
      <c r="A144" s="3" t="s">
        <v>458</v>
      </c>
    </row>
    <row r="145" spans="1:1" x14ac:dyDescent="0.25">
      <c r="A145" s="3" t="s">
        <v>459</v>
      </c>
    </row>
    <row r="146" spans="1:1" x14ac:dyDescent="0.25">
      <c r="A146" s="3" t="s">
        <v>460</v>
      </c>
    </row>
    <row r="147" spans="1:1" x14ac:dyDescent="0.25">
      <c r="A147" s="3" t="s">
        <v>461</v>
      </c>
    </row>
    <row r="148" spans="1:1" x14ac:dyDescent="0.25">
      <c r="A148" s="3" t="s">
        <v>462</v>
      </c>
    </row>
    <row r="149" spans="1:1" x14ac:dyDescent="0.25">
      <c r="A149" s="3" t="s">
        <v>463</v>
      </c>
    </row>
    <row r="150" spans="1:1" x14ac:dyDescent="0.25">
      <c r="A150" s="3" t="s">
        <v>464</v>
      </c>
    </row>
    <row r="151" spans="1:1" x14ac:dyDescent="0.25">
      <c r="A151" s="3" t="s">
        <v>465</v>
      </c>
    </row>
    <row r="152" spans="1:1" ht="30" x14ac:dyDescent="0.25">
      <c r="A152" s="3" t="s">
        <v>466</v>
      </c>
    </row>
    <row r="153" spans="1:1" x14ac:dyDescent="0.25">
      <c r="A153" s="3" t="s">
        <v>467</v>
      </c>
    </row>
    <row r="154" spans="1:1" x14ac:dyDescent="0.25">
      <c r="A154" s="3" t="s">
        <v>468</v>
      </c>
    </row>
    <row r="155" spans="1:1" x14ac:dyDescent="0.25">
      <c r="A155" s="3" t="s">
        <v>99</v>
      </c>
    </row>
    <row r="156" spans="1:1" ht="30" x14ac:dyDescent="0.25">
      <c r="A156" s="3" t="s">
        <v>469</v>
      </c>
    </row>
    <row r="157" spans="1:1" x14ac:dyDescent="0.25">
      <c r="A157" s="3" t="s">
        <v>470</v>
      </c>
    </row>
    <row r="158" spans="1:1" x14ac:dyDescent="0.25">
      <c r="A158" s="3" t="s">
        <v>471</v>
      </c>
    </row>
    <row r="159" spans="1:1" x14ac:dyDescent="0.25">
      <c r="A159" s="3" t="s">
        <v>472</v>
      </c>
    </row>
    <row r="160" spans="1:1" x14ac:dyDescent="0.25">
      <c r="A160" s="3" t="s">
        <v>132</v>
      </c>
    </row>
    <row r="161" spans="1:1" x14ac:dyDescent="0.25">
      <c r="A161" s="3" t="s">
        <v>473</v>
      </c>
    </row>
    <row r="162" spans="1:1" x14ac:dyDescent="0.25">
      <c r="A162" s="3" t="s">
        <v>474</v>
      </c>
    </row>
    <row r="163" spans="1:1" x14ac:dyDescent="0.25">
      <c r="A163" s="3" t="s">
        <v>475</v>
      </c>
    </row>
    <row r="164" spans="1:1" x14ac:dyDescent="0.25">
      <c r="A164" s="3" t="s">
        <v>476</v>
      </c>
    </row>
    <row r="165" spans="1:1" x14ac:dyDescent="0.25">
      <c r="A165" s="3" t="s">
        <v>477</v>
      </c>
    </row>
    <row r="166" spans="1:1" x14ac:dyDescent="0.25">
      <c r="A166" s="3" t="s">
        <v>478</v>
      </c>
    </row>
    <row r="167" spans="1:1" x14ac:dyDescent="0.25">
      <c r="A167" s="3" t="s">
        <v>479</v>
      </c>
    </row>
    <row r="168" spans="1:1" x14ac:dyDescent="0.25">
      <c r="A168" s="3" t="s">
        <v>480</v>
      </c>
    </row>
    <row r="169" spans="1:1" x14ac:dyDescent="0.25">
      <c r="A169" s="3" t="s">
        <v>481</v>
      </c>
    </row>
    <row r="170" spans="1:1" x14ac:dyDescent="0.25">
      <c r="A170" s="3" t="s">
        <v>482</v>
      </c>
    </row>
    <row r="171" spans="1:1" x14ac:dyDescent="0.25">
      <c r="A171" s="3" t="s">
        <v>483</v>
      </c>
    </row>
    <row r="172" spans="1:1" x14ac:dyDescent="0.25">
      <c r="A172" s="3" t="s">
        <v>484</v>
      </c>
    </row>
    <row r="173" spans="1:1" x14ac:dyDescent="0.25">
      <c r="A173" s="3" t="s">
        <v>485</v>
      </c>
    </row>
    <row r="174" spans="1:1" x14ac:dyDescent="0.25">
      <c r="A174" s="3" t="s">
        <v>486</v>
      </c>
    </row>
    <row r="175" spans="1:1" x14ac:dyDescent="0.25">
      <c r="A175" s="3" t="s">
        <v>96</v>
      </c>
    </row>
    <row r="176" spans="1:1" x14ac:dyDescent="0.25">
      <c r="A176" s="3" t="s">
        <v>487</v>
      </c>
    </row>
    <row r="177" spans="1:1" x14ac:dyDescent="0.25">
      <c r="A177" s="3" t="s">
        <v>488</v>
      </c>
    </row>
    <row r="178" spans="1:1" x14ac:dyDescent="0.25">
      <c r="A178" s="3" t="s">
        <v>489</v>
      </c>
    </row>
    <row r="179" spans="1:1" x14ac:dyDescent="0.25">
      <c r="A179" s="3" t="s">
        <v>490</v>
      </c>
    </row>
    <row r="180" spans="1:1" x14ac:dyDescent="0.25">
      <c r="A180" s="3" t="s">
        <v>491</v>
      </c>
    </row>
    <row r="181" spans="1:1" x14ac:dyDescent="0.25">
      <c r="A181" s="3" t="s">
        <v>492</v>
      </c>
    </row>
    <row r="182" spans="1:1" x14ac:dyDescent="0.25">
      <c r="A182" s="3" t="s">
        <v>493</v>
      </c>
    </row>
    <row r="183" spans="1:1" x14ac:dyDescent="0.25">
      <c r="A183" s="3" t="s">
        <v>82</v>
      </c>
    </row>
    <row r="184" spans="1:1" x14ac:dyDescent="0.25">
      <c r="A184" s="3" t="s">
        <v>494</v>
      </c>
    </row>
    <row r="185" spans="1:1" ht="30" x14ac:dyDescent="0.25">
      <c r="A185" s="3" t="s">
        <v>495</v>
      </c>
    </row>
    <row r="186" spans="1:1" x14ac:dyDescent="0.25">
      <c r="A186" s="3" t="s">
        <v>496</v>
      </c>
    </row>
    <row r="187" spans="1:1" x14ac:dyDescent="0.25">
      <c r="A187" s="3" t="s">
        <v>135</v>
      </c>
    </row>
    <row r="188" spans="1:1" x14ac:dyDescent="0.25">
      <c r="A188" s="3" t="s">
        <v>497</v>
      </c>
    </row>
    <row r="189" spans="1:1" x14ac:dyDescent="0.25">
      <c r="A189" s="3" t="s">
        <v>498</v>
      </c>
    </row>
    <row r="190" spans="1:1" x14ac:dyDescent="0.25">
      <c r="A190" s="3" t="s">
        <v>499</v>
      </c>
    </row>
    <row r="191" spans="1:1" x14ac:dyDescent="0.25">
      <c r="A191" s="3" t="s">
        <v>500</v>
      </c>
    </row>
    <row r="192" spans="1:1" x14ac:dyDescent="0.25">
      <c r="A192" s="3" t="s">
        <v>501</v>
      </c>
    </row>
    <row r="193" spans="1:1" x14ac:dyDescent="0.25">
      <c r="A193" s="3" t="s">
        <v>502</v>
      </c>
    </row>
    <row r="194" spans="1:1" x14ac:dyDescent="0.25">
      <c r="A194" s="3" t="s">
        <v>503</v>
      </c>
    </row>
    <row r="195" spans="1:1" x14ac:dyDescent="0.25">
      <c r="A195" s="3" t="s">
        <v>504</v>
      </c>
    </row>
    <row r="196" spans="1:1" x14ac:dyDescent="0.25">
      <c r="A196" s="3" t="s">
        <v>505</v>
      </c>
    </row>
    <row r="197" spans="1:1" x14ac:dyDescent="0.25">
      <c r="A197" s="3" t="s">
        <v>506</v>
      </c>
    </row>
    <row r="198" spans="1:1" x14ac:dyDescent="0.25">
      <c r="A198" s="3" t="s">
        <v>79</v>
      </c>
    </row>
    <row r="199" spans="1:1" x14ac:dyDescent="0.25">
      <c r="A199" s="3" t="s">
        <v>507</v>
      </c>
    </row>
    <row r="200" spans="1:1" x14ac:dyDescent="0.25">
      <c r="A200" s="3" t="s">
        <v>508</v>
      </c>
    </row>
    <row r="201" spans="1:1" x14ac:dyDescent="0.25">
      <c r="A201" s="3" t="s">
        <v>509</v>
      </c>
    </row>
    <row r="202" spans="1:1" x14ac:dyDescent="0.25">
      <c r="A202" s="3" t="s">
        <v>510</v>
      </c>
    </row>
    <row r="203" spans="1:1" x14ac:dyDescent="0.25">
      <c r="A203" s="3" t="s">
        <v>128</v>
      </c>
    </row>
    <row r="204" spans="1:1" x14ac:dyDescent="0.25">
      <c r="A204" s="3" t="s">
        <v>511</v>
      </c>
    </row>
    <row r="205" spans="1:1" x14ac:dyDescent="0.25">
      <c r="A205" s="3" t="s">
        <v>512</v>
      </c>
    </row>
    <row r="206" spans="1:1" x14ac:dyDescent="0.25">
      <c r="A206" s="3" t="s">
        <v>513</v>
      </c>
    </row>
    <row r="207" spans="1:1" x14ac:dyDescent="0.25">
      <c r="A207" s="3" t="s">
        <v>514</v>
      </c>
    </row>
    <row r="208" spans="1:1" x14ac:dyDescent="0.25">
      <c r="A208" s="3" t="s">
        <v>515</v>
      </c>
    </row>
    <row r="209" spans="1:1" ht="30" x14ac:dyDescent="0.25">
      <c r="A209" s="3" t="s">
        <v>516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24"/>
  <sheetViews>
    <sheetView workbookViewId="0">
      <selection activeCell="B22" sqref="B22"/>
    </sheetView>
  </sheetViews>
  <sheetFormatPr defaultRowHeight="15" x14ac:dyDescent="0.25"/>
  <cols>
    <col min="1" max="1" width="44.85546875" customWidth="1"/>
    <col min="2" max="2" width="17" customWidth="1"/>
  </cols>
  <sheetData>
    <row r="1" spans="1:1" x14ac:dyDescent="0.25">
      <c r="A1" s="57" t="s">
        <v>633</v>
      </c>
    </row>
    <row r="2" spans="1:1" ht="25.5" x14ac:dyDescent="0.25">
      <c r="A2" s="71" t="s">
        <v>591</v>
      </c>
    </row>
    <row r="3" spans="1:1" x14ac:dyDescent="0.25">
      <c r="A3" s="71" t="s">
        <v>613</v>
      </c>
    </row>
    <row r="4" spans="1:1" x14ac:dyDescent="0.25">
      <c r="A4" s="72" t="s">
        <v>614</v>
      </c>
    </row>
    <row r="5" spans="1:1" x14ac:dyDescent="0.25">
      <c r="A5" s="72" t="s">
        <v>615</v>
      </c>
    </row>
    <row r="6" spans="1:1" x14ac:dyDescent="0.25">
      <c r="A6" s="72" t="s">
        <v>594</v>
      </c>
    </row>
    <row r="7" spans="1:1" x14ac:dyDescent="0.25">
      <c r="A7" s="72" t="s">
        <v>616</v>
      </c>
    </row>
    <row r="8" spans="1:1" x14ac:dyDescent="0.25">
      <c r="A8" s="72" t="s">
        <v>617</v>
      </c>
    </row>
    <row r="9" spans="1:1" x14ac:dyDescent="0.25">
      <c r="A9" s="72" t="s">
        <v>597</v>
      </c>
    </row>
    <row r="10" spans="1:1" x14ac:dyDescent="0.25">
      <c r="A10" s="72" t="s">
        <v>598</v>
      </c>
    </row>
    <row r="11" spans="1:1" x14ac:dyDescent="0.25">
      <c r="A11" s="72" t="s">
        <v>618</v>
      </c>
    </row>
    <row r="12" spans="1:1" x14ac:dyDescent="0.25">
      <c r="A12" s="72" t="s">
        <v>619</v>
      </c>
    </row>
    <row r="13" spans="1:1" x14ac:dyDescent="0.25">
      <c r="A13" s="72" t="s">
        <v>601</v>
      </c>
    </row>
    <row r="14" spans="1:1" x14ac:dyDescent="0.25">
      <c r="A14" s="72" t="s">
        <v>602</v>
      </c>
    </row>
    <row r="15" spans="1:1" x14ac:dyDescent="0.25">
      <c r="A15" s="72" t="s">
        <v>603</v>
      </c>
    </row>
    <row r="16" spans="1:1" x14ac:dyDescent="0.25">
      <c r="A16" s="71" t="s">
        <v>620</v>
      </c>
    </row>
    <row r="17" spans="1:2" ht="51" x14ac:dyDescent="0.25">
      <c r="A17" s="71" t="s">
        <v>621</v>
      </c>
    </row>
    <row r="18" spans="1:2" ht="25.5" x14ac:dyDescent="0.25">
      <c r="A18" s="72" t="s">
        <v>622</v>
      </c>
    </row>
    <row r="19" spans="1:2" x14ac:dyDescent="0.25">
      <c r="A19" s="72" t="s">
        <v>608</v>
      </c>
    </row>
    <row r="20" spans="1:2" ht="25.5" x14ac:dyDescent="0.25">
      <c r="A20" s="72" t="s">
        <v>623</v>
      </c>
    </row>
    <row r="21" spans="1:2" x14ac:dyDescent="0.25">
      <c r="A21" s="72" t="s">
        <v>624</v>
      </c>
    </row>
    <row r="22" spans="1:2" x14ac:dyDescent="0.25">
      <c r="A22" s="73" t="s">
        <v>625</v>
      </c>
      <c r="B22" t="s">
        <v>634</v>
      </c>
    </row>
    <row r="23" spans="1:2" x14ac:dyDescent="0.25">
      <c r="A23" s="73" t="s">
        <v>626</v>
      </c>
      <c r="B23" t="s">
        <v>634</v>
      </c>
    </row>
    <row r="24" spans="1:2" x14ac:dyDescent="0.25">
      <c r="A24" s="73" t="s">
        <v>627</v>
      </c>
      <c r="B24" t="s">
        <v>634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7</vt:i4>
      </vt:variant>
    </vt:vector>
  </HeadingPairs>
  <TitlesOfParts>
    <vt:vector size="7" baseType="lpstr">
      <vt:lpstr>Summary</vt:lpstr>
      <vt:lpstr>Topics Mapping Documents</vt:lpstr>
      <vt:lpstr>Topics Mapping Projects</vt:lpstr>
      <vt:lpstr>Mat_type mapping Documents</vt:lpstr>
      <vt:lpstr>PCCP Topics Vocab</vt:lpstr>
      <vt:lpstr>Vanuatu Glossary</vt:lpstr>
      <vt:lpstr>New PCCP Material Types</vt:lpstr>
    </vt:vector>
  </TitlesOfParts>
  <Company>Griffith Universit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becca Brown</dc:creator>
  <cp:lastModifiedBy>Rebecca Brown</cp:lastModifiedBy>
  <dcterms:created xsi:type="dcterms:W3CDTF">2015-02-11T02:53:12Z</dcterms:created>
  <dcterms:modified xsi:type="dcterms:W3CDTF">2015-02-16T03:25:16Z</dcterms:modified>
</cp:coreProperties>
</file>